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6. Renátka\288_2020 Dávkovač kontrasnej látky                                       Magdi\02. Príprava\03. PTK\01. Odoslaná PTK\"/>
    </mc:Choice>
  </mc:AlternateContent>
  <bookViews>
    <workbookView xWindow="0" yWindow="0" windowWidth="23040" windowHeight="9195"/>
  </bookViews>
  <sheets>
    <sheet name="Špecifikácia" sheetId="8" r:id="rId1"/>
  </sheets>
  <definedNames>
    <definedName name="_xlnm.Print_Area" localSheetId="0">Špecifikácia!$A$1:$I$154</definedName>
  </definedNames>
  <calcPr calcId="152511" iterateDelta="1E-4"/>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3" uniqueCount="231">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Požaduje sa uzatvorenie kúpnej zmluvy.</t>
  </si>
  <si>
    <t>2.</t>
  </si>
  <si>
    <t>Požaduje sa dodanie zariadenia :</t>
  </si>
  <si>
    <t>2.1.</t>
  </si>
  <si>
    <t>do 30 pracovných dní od dňa nadobudnutia účinnosti zmluvy resp. odo dňa doručenia Oznámenia o splnení objednávateľom stanovených podmienok a požiadaviek na predmet zákazky dodávateľovi (ďalej len "Oznámenie"),</t>
  </si>
  <si>
    <t>2.2.</t>
  </si>
  <si>
    <t>v pracovných dňoch,</t>
  </si>
  <si>
    <t>2.3.</t>
  </si>
  <si>
    <t>v čase od 08:00 hod. do 14:30 hod.,</t>
  </si>
  <si>
    <t>2.4.</t>
  </si>
  <si>
    <t xml:space="preserve">do sídla kupujúceho na vlastné náklady tak, aby bola zabezpečená dostatočná ochrana pred poškodením, pričom konkrétne miesto dodania - pracovisko objednávateľa a zodpovedná osoba obejdnávateľa budú dodávateľovi písomne upresnené po uzavretí zmluvného vzťahu, </t>
  </si>
  <si>
    <t>2.5.</t>
  </si>
  <si>
    <t>po predchádzajúcom preukázateľnom upovedomení objednávateľa min. 5 pracovných dní vopred tak, aby objednávateľ mohol poskynúť potrebnú súčinnosť pri dodaní,</t>
  </si>
  <si>
    <t>2.6.</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3.</t>
  </si>
  <si>
    <t xml:space="preserve">Objednávateľ zabezpečí za účelom prevzatia zariadenia prístup pre osoby poverené dodávateľom na čas nevyhnutný na vyloženie, kompletizáciu a inštaláciu zariadenia. </t>
  </si>
  <si>
    <t>4.</t>
  </si>
  <si>
    <t>5.</t>
  </si>
  <si>
    <t>Súčasťou záväzku dodávateľa je zároveň poskytnutie písomných dokladov potrebných pre riadne a bezchybné použitie zariadenia na stanovený účel, a to najmä, no nie len výlučne: návod na použitie zariadenia v slovenskom jazyku (resp. v českom jazyku), záručný list, preberací (akceptačný) protokol, inštalačný protokol, protokol o zaškolení zamestnancov objednávateľa s obsluhou prístroja.</t>
  </si>
  <si>
    <t>6.</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7.</t>
  </si>
  <si>
    <t xml:space="preserve">Dodávateľ je povinný k faktúre vždy priložiť kópiu objednávky (ak bola vyhotovená) kupujúceho ako povinnú prílohu faktúry. Dodávateľ je rovnako povinný k faktúre priložiť kópiu dodacieho listu ako jej povinnú prílohu, okrem prípadov, kedy je faktúra doručená zároveň s dodacím listom. </t>
  </si>
  <si>
    <t>8.</t>
  </si>
  <si>
    <t>9.</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11.</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t.j. objedn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12.</t>
  </si>
  <si>
    <t xml:space="preserve">Dodávateľ poskytuje na predmet zákazky a všetky jeho súčasti (ďalej len "zariadenie") komplexnú záruku v trvaní minimálne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13.</t>
  </si>
  <si>
    <t>Komplexná záruka predstavuje súbor opatrení, ktoré bude v rámci ceny zariadenie vykonávať dodávateľ  autorizovaným servisom po dobu trvania záručnej doby na zariadení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 prípadoch, ak je to relevantné, 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dodávky a zabudovanie náhradných dielov, ktoré sú potrebné k riadnej a bezporuchovej prevádzke zariadnia, vrátane demontáže, odvozu a likvidácie použitého a nepotrebného spotrebného materiálu, náplní a náhradných dielov,</t>
  </si>
  <si>
    <t>v prípadoch ak je to relevantné, 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vykonanie ďalších servisných úkonov a činností predpísaných príslušnou právnou úpravou a aplikovateľnými normami,</t>
  </si>
  <si>
    <t>práce (servisné hodiny) a dojazdy servisných technikov dodávateľa  z 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technická telefonická podpora a zároveň poradenstvo pri prevádzkovaní zariadenia prostredníctvom klientského pracoviska dodávateľa denne 24/7, pričom dodávateľ musí garantovať funkčnosť a prevádzku tohto klientskeho pracoviska.</t>
  </si>
  <si>
    <t>14.</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a a jeho evidencia, vrátane mena oznamovateľa, telefónneho čísla pre potvrdenie a stručného opisu vady. </t>
  </si>
  <si>
    <t>15.</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16.</t>
  </si>
  <si>
    <t xml:space="preserve">Servisný technik dodávateľa je povinný nastúpiť na odstránenie vady v mieste inštalácie zariadenia do 24 hodín od nahlásenia v pracovný deň medzi 7:00 a 16:00 hod., resp. do 12:00 hod. nasledujúceho pracovného dňa, pokiaľ vada bola nahlásená po 16:00 hod. pracovného dňa alebo počas mimopracovného dňa. </t>
  </si>
  <si>
    <t>V prípade, ak to povaha zariadenia umožňuje, dodávateľ je povinný zabezpečiť odstránenie vady / poruchy pomocou vzdialeného prístupu. Dodávateľ je oprávnený začať odstraňovať vadu formou vzdialeného prístupu v lehote najneskôr do 12 hodín od nahlásenia v pracovný deň medzi 7:00 a 16:00 hod., resp. do 12:00 hod. nasledujúceho pracovného dňa, pokiaľ vada bola nahlásená po 16:00 hod. pracovného dňa alebo počas mimopracovného dňa.</t>
  </si>
  <si>
    <t>17.</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t>
  </si>
  <si>
    <t>18.</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 100 eur za každú začatú hodinu omeškania, najviac však do výšky 10% kúpnej ceny zariadenia a to pre každý jednotlivý prípad omeškania dodávateľa,</t>
  </si>
  <si>
    <t>nedodržanie dohodnutých lehôt na odstránenie vady i: 100 eur za každú začatú hodinu omeškania, najviac však do výšky 10% kúpnej ceny zariadenia a to  pre každý jednotlivý prípad omeškania dodávateľa.</t>
  </si>
  <si>
    <t>19.</t>
  </si>
  <si>
    <t>Záruka sa nevzťahuje na vady, ktoré spôsobí objednávateľ neodbornou manipuláciou resp. používaním v rozpore s návodom na obsluhu. Záruka sa tiež nevzťahuje na vady, ktoré vzniknú v dôsledku živelnej pohromy, vyššej moci alebo vandalizmu.</t>
  </si>
  <si>
    <t>20.</t>
  </si>
  <si>
    <t>Ak počas trvania záručnej doby, dôjde k vade, ktorá nespadá pod záručný servis, dodávateľ poskytne objednávateľovi telefonické poradenstvo,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inštalácie zariadenia, pričom servisný zásah je do jednej hodiny od nastúpenia na odstránenie problému poskytovaný bezplatne vrátane dopravy do/z miesta inštalácie zariadenia. V prípade, ak servisný zásah trvá dlhšie ako jednu hodinu od nástupu a súčasne sa nejdná o vadu spadajúcu pod záručný servis, je dodávateľ oprávnený si účtovať ___ Eur bez DPH za každú ďalšiu hodinu trvania servisného zásahu vrátane do/z miesta inštalácie zariadenia, maximálne však 30 Eur bez DPH za každú ďalšiu hodinu.</t>
  </si>
  <si>
    <t>21.</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2.</t>
  </si>
  <si>
    <t>V prípade, ak sa po uzatvorení zmluvy preukáže, že na relevantnom trhu (trhu krajín EÚ)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v neprospech ceny podľa zmluvy, zaväzuje sa dodávateľ poskytnúť objednávateĺovi pre takéto plnenie objednané po preukázaní tejto skutočnosti dodatočnú zľavu vo výške rozdielu medzi ním poskytovanou cenou podľa tejto zmluvy a nižšou cenou.</t>
  </si>
  <si>
    <t>23.</t>
  </si>
  <si>
    <t>2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25.</t>
  </si>
  <si>
    <t>Osobné údaje dotknutých osôb, ktoré sú súčasťou tohto zmluvného vzťahu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t>
  </si>
  <si>
    <t>jednotka</t>
  </si>
  <si>
    <t>minimum</t>
  </si>
  <si>
    <t>maximum</t>
  </si>
  <si>
    <t>presne</t>
  </si>
  <si>
    <t>51410000-9 - Inštalácia lekárskych zariadení</t>
  </si>
  <si>
    <t>tovar; služba</t>
  </si>
  <si>
    <t>10.</t>
  </si>
  <si>
    <t>3.1</t>
  </si>
  <si>
    <t xml:space="preserve">Požadované minimálne technické vlastnosti, parametre a hodnoty predmetu zákazky
 </t>
  </si>
  <si>
    <t>12.1</t>
  </si>
  <si>
    <t>12.2</t>
  </si>
  <si>
    <t>14.1</t>
  </si>
  <si>
    <t>14.2</t>
  </si>
  <si>
    <t>14.3</t>
  </si>
  <si>
    <t>14.4</t>
  </si>
  <si>
    <t>14.5</t>
  </si>
  <si>
    <t>14.6</t>
  </si>
  <si>
    <t>14.7</t>
  </si>
  <si>
    <t>14.8</t>
  </si>
  <si>
    <t>14.9</t>
  </si>
  <si>
    <t>14.10</t>
  </si>
  <si>
    <t>17.1</t>
  </si>
  <si>
    <t>18.1</t>
  </si>
  <si>
    <t>18.2</t>
  </si>
  <si>
    <t>19.1</t>
  </si>
  <si>
    <t>19.2</t>
  </si>
  <si>
    <t>26.</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om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Dávkovač kontrasnej látky</t>
  </si>
  <si>
    <t>33100000-1  - Zdravotnícke vybavenie</t>
  </si>
  <si>
    <t>Položka č. 1 - Dávkovač kontrasnej látky</t>
  </si>
  <si>
    <t xml:space="preserve">Tlakový injektor je s variabilným prietokom </t>
  </si>
  <si>
    <t xml:space="preserve">Ovládací kontrolný panel s farebnou dotykovou obrazovku  </t>
  </si>
  <si>
    <t>cm</t>
  </si>
  <si>
    <t xml:space="preserve">Rozsahy parametra vstrekovania v režime kardiálneho prístupu :  </t>
  </si>
  <si>
    <t xml:space="preserve">Prietok vstrekovanej kontrastnej látky nastavovanej užívateľom  </t>
  </si>
  <si>
    <t>ml/s</t>
  </si>
  <si>
    <t>3.2</t>
  </si>
  <si>
    <t>3.3</t>
  </si>
  <si>
    <t>Objem kontrastnej látky</t>
  </si>
  <si>
    <t>ml</t>
  </si>
  <si>
    <t>3.4</t>
  </si>
  <si>
    <t xml:space="preserve">Automatizovaný fixný prietok fyziologického roztoku  </t>
  </si>
  <si>
    <t>3.1.1</t>
  </si>
  <si>
    <t>3.2.1</t>
  </si>
  <si>
    <t xml:space="preserve">Tlakové limity vstrekovania    </t>
  </si>
  <si>
    <t>kPa</t>
  </si>
  <si>
    <t>Prietok je nastaviteľný v prírastkoch (krok dávkovania)</t>
  </si>
  <si>
    <t>Objem je nastaviteľný v prírastkoch (krok dávkovania)</t>
  </si>
  <si>
    <t>PSI</t>
  </si>
  <si>
    <t>3.5</t>
  </si>
  <si>
    <t>Doba nábehu vstrekovania</t>
  </si>
  <si>
    <t>s</t>
  </si>
  <si>
    <t>3.6</t>
  </si>
  <si>
    <t>3.5.1</t>
  </si>
  <si>
    <t>Doba nábehu vstrekovania nastaviteľná</t>
  </si>
  <si>
    <t xml:space="preserve">Veľkosť valca - zásobníka kontrastnej látky  </t>
  </si>
  <si>
    <t xml:space="preserve">Plnenie zásobníka kontrastnej látky manuálne, alebo automatické  </t>
  </si>
  <si>
    <t>Napájací zdroj</t>
  </si>
  <si>
    <t>V</t>
  </si>
  <si>
    <t>3.7</t>
  </si>
  <si>
    <t>A</t>
  </si>
  <si>
    <t>Musí spĺňať normu EN/IEC 60601-1 (druhé a tretie vydanie)</t>
  </si>
  <si>
    <t>Napájací kábel</t>
  </si>
  <si>
    <t>m</t>
  </si>
  <si>
    <t>Hmotnosť systému:</t>
  </si>
  <si>
    <t>7.1</t>
  </si>
  <si>
    <t>kg</t>
  </si>
  <si>
    <t>7.2</t>
  </si>
  <si>
    <t>Ovládací panel</t>
  </si>
  <si>
    <t xml:space="preserve">Hlava vstrekovača      </t>
  </si>
  <si>
    <t>7.3</t>
  </si>
  <si>
    <t>7.4</t>
  </si>
  <si>
    <t>Nastaviteľné rameno</t>
  </si>
  <si>
    <t>7.5</t>
  </si>
  <si>
    <t>Stojanový vozík</t>
  </si>
  <si>
    <t>Rozmery stojanového vozíka:</t>
  </si>
  <si>
    <t>8.1</t>
  </si>
  <si>
    <t>Šírka stopy rázvoru koliesok</t>
  </si>
  <si>
    <t>8.2</t>
  </si>
  <si>
    <t>Dĺžka stopy rázvoru koliesok</t>
  </si>
  <si>
    <t xml:space="preserve">Kontinuálne informácie o množstve a rýchlosti podávania kontrastnej látky v priebehu posledného vstreku a celkove v priebehu celého výkonu </t>
  </si>
  <si>
    <t>Kontrola prekročenia maximálneho objemu a rýchlosti podávanej kontrastnej látky</t>
  </si>
  <si>
    <t>Programovateľné protokoly podľa typu intervenčného výkonu</t>
  </si>
  <si>
    <t>Senzory na detekciu vzduchu</t>
  </si>
  <si>
    <t>Senzory  vyprázdnenie zásobníka kontrastnej látky</t>
  </si>
  <si>
    <t>Dávkovač kontrastnej látk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 xml:space="preserve">Požaduje sa v zmysle § 340b ods. 5 zákona č. 513/1991 Z.z. Obchodného zákonníka v znení neskorších predpisov splatnosť faktúry v lehote šesťdesiatich (60) kalendárnych dní odo dňa jej doručenia kupujúcemu. </t>
  </si>
  <si>
    <t xml:space="preserve">Dodávateľ je povinný vystaviť faktúru za dodávku tovaru v súlade s ustanovením §73 zákona č. 222/2004 Z. z. o dani z pridanej hodnoty, najneskôr však do piateho pracovného dňa v mesiaci, nasledujúceho po dni dodania tovaru. </t>
  </si>
  <si>
    <t>Dodávateľ je povinný bezodkladne, najneskôr však do piatich (5) pracovných dní od preukázania skutočnosti uvedenej v bode 23. týchto zmluvných požiadaviek, doručiť objednávateľovi dodatok, predmetom, ktorého bude upravená cena zistená podľa bodu 23. týchto zmluvných požiadavie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27.</t>
  </si>
  <si>
    <t>28.</t>
  </si>
  <si>
    <t>29.</t>
  </si>
  <si>
    <t xml:space="preserve">Riadenie aplikácie sterilným manuálnym diaľkovým ovládaním a dotykovým displejom </t>
  </si>
  <si>
    <r>
      <t xml:space="preserve">Angiografický vstrekovací systém používaný pri intervenčných kardiologických, rádiologických, alebo chirurgických vaskulárnych zákrokoch, v ktorých sa využíva endovaskulárna technika. Injektor umožňujúci aplikáciu kontrolovaného variabilného objemu a rýchlosti kontrastnej látky a možný preplach fyziologickým roztokom, to všetko riadené sterilným diaľkovým ovládačom v priebehu intervenčného výkonu. 
</t>
    </r>
    <r>
      <rPr>
        <u/>
        <sz val="10"/>
        <rFont val="Arial"/>
        <family val="2"/>
        <charset val="238"/>
      </rPr>
      <t>Popis funkcií systému:</t>
    </r>
    <r>
      <rPr>
        <sz val="10"/>
        <rFont val="Arial"/>
        <family val="2"/>
        <charset val="238"/>
      </rPr>
      <t xml:space="preserve"> 
Systém  dodáva do katétra kontrastnú látku, nepriepustnú pre rtg  žiarenie, pri variabilnom prietoku, ktorý sa dá okamžite a kontinuálne meniť. Súčasťou systému je ručný ovládač na ovládanie prietoku kontrastnej látky 
zo vstrekovača do katétra. Je tu možnosť nastaviť variabilný prietok - zmenou prietoku od vstrekovača a zároveň sledovaním angiografického postupu na fluoroskopickom monitorovacom zariadení. Súčasťou systému je  monitorovanie tlaku krvi prostredníctvom systému pracujúceho v spojení s monitorovacím zariadením katetrizačného laboratória. </t>
    </r>
    <r>
      <rPr>
        <sz val="10"/>
        <color theme="1"/>
        <rFont val="Arial"/>
        <family val="2"/>
        <charset val="238"/>
      </rPr>
      <t>Možnosť inštalovania na bočnicu stola spolu s ovládacím panelom, ktorý obsahuje dotykový  displej</t>
    </r>
    <r>
      <rPr>
        <sz val="10"/>
        <rFont val="Arial"/>
        <family val="2"/>
        <charset val="238"/>
      </rPr>
      <t xml:space="preserve"> . Ovládací panel - umožňuje nastavenie prietoku, objemu a tlaku vstrekovanej kontrastnej látky. Systém umožňuje režim variabilného prietoku používaním ručného ovládača. Umožňuje vstrekovanie v režime LCA, RCA, LV/ Ao, iné. Napojenie na katétre: Pigtail, selektívny katéter, mikrokatéter a iné.                                                                                                                                                                                                                 </t>
    </r>
    <r>
      <rPr>
        <sz val="10"/>
        <color rgb="FFFF0000"/>
        <rFont val="Arial"/>
        <family val="2"/>
        <charset val="238"/>
      </rPr>
      <t>Z dôvodu  používania prístroja na hybridnej   sále  požadujeme  obe  varianty:
1.  mobilnú verziu -  pri hybridnom výkone  kardiochirurg  potrebuje  dostatočné   miesto  okolo  vyšetrujúceho   stola  
2.  uchytenie na bočnicu stola - pri  opakovanom  intervenčnom  výkone  za   účelom presných hemodynamických meraní.</t>
    </r>
    <r>
      <rPr>
        <sz val="10"/>
        <rFont val="Arial"/>
        <family val="2"/>
        <charset val="238"/>
      </rPr>
      <t xml:space="preserve">
</t>
    </r>
  </si>
</sst>
</file>

<file path=xl/styles.xml><?xml version="1.0" encoding="utf-8"?>
<styleSheet xmlns="http://schemas.openxmlformats.org/spreadsheetml/2006/main" xmlns:mc="http://schemas.openxmlformats.org/markup-compatibility/2006" xmlns:x14ac="http://schemas.microsoft.com/office/spreadsheetml/2009/9/ac" mc:Ignorable="x14ac">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1"/>
      <color theme="1"/>
      <name val="Arial"/>
      <family val="2"/>
      <charset val="238"/>
    </font>
    <font>
      <sz val="8"/>
      <color theme="1"/>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name val="Arial"/>
      <family val="2"/>
      <charset val="238"/>
    </font>
    <font>
      <sz val="10"/>
      <color theme="1"/>
      <name val="Segoe UI"/>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indexed="64"/>
      </left>
      <right style="dotted">
        <color auto="1"/>
      </right>
      <top style="medium">
        <color auto="1"/>
      </top>
      <bottom style="medium">
        <color auto="1"/>
      </bottom>
      <diagonal/>
    </border>
    <border>
      <left style="dotted">
        <color auto="1"/>
      </left>
      <right style="medium">
        <color auto="1"/>
      </right>
      <top style="medium">
        <color auto="1"/>
      </top>
      <bottom style="medium">
        <color auto="1"/>
      </bottom>
      <diagonal/>
    </border>
    <border>
      <left/>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right style="thin">
        <color indexed="64"/>
      </right>
      <top style="medium">
        <color auto="1"/>
      </top>
      <bottom style="medium">
        <color auto="1"/>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medium">
        <color auto="1"/>
      </left>
      <right style="thin">
        <color auto="1"/>
      </right>
      <top style="dotted">
        <color auto="1"/>
      </top>
      <bottom style="thin">
        <color auto="1"/>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thin">
        <color auto="1"/>
      </left>
      <right/>
      <top style="thin">
        <color auto="1"/>
      </top>
      <bottom/>
      <diagonal/>
    </border>
    <border>
      <left style="medium">
        <color auto="1"/>
      </left>
      <right style="thin">
        <color auto="1"/>
      </right>
      <top style="dotted">
        <color auto="1"/>
      </top>
      <bottom/>
      <diagonal/>
    </border>
    <border>
      <left style="medium">
        <color auto="1"/>
      </left>
      <right/>
      <top style="thin">
        <color auto="1"/>
      </top>
      <bottom style="thin">
        <color auto="1"/>
      </bottom>
      <diagonal/>
    </border>
    <border>
      <left/>
      <right style="thin">
        <color indexed="64"/>
      </right>
      <top style="thin">
        <color indexed="64"/>
      </top>
      <bottom style="medium">
        <color auto="1"/>
      </bottom>
      <diagonal/>
    </border>
    <border>
      <left/>
      <right/>
      <top style="dotted">
        <color auto="1"/>
      </top>
      <bottom style="dotted">
        <color indexed="64"/>
      </bottom>
      <diagonal/>
    </border>
    <border>
      <left/>
      <right style="thin">
        <color auto="1"/>
      </right>
      <top style="dotted">
        <color auto="1"/>
      </top>
      <bottom style="dotted">
        <color indexed="64"/>
      </bottom>
      <diagonal/>
    </border>
    <border>
      <left style="medium">
        <color indexed="64"/>
      </left>
      <right style="thin">
        <color auto="1"/>
      </right>
      <top style="medium">
        <color indexed="64"/>
      </top>
      <bottom/>
      <diagonal/>
    </border>
    <border>
      <left/>
      <right style="thin">
        <color indexed="64"/>
      </right>
      <top style="medium">
        <color auto="1"/>
      </top>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right/>
      <top style="thin">
        <color auto="1"/>
      </top>
      <bottom/>
      <diagonal/>
    </border>
    <border>
      <left/>
      <right style="thin">
        <color auto="1"/>
      </right>
      <top style="thin">
        <color auto="1"/>
      </top>
      <bottom/>
      <diagonal/>
    </border>
    <border>
      <left style="medium">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right/>
      <top style="medium">
        <color auto="1"/>
      </top>
      <bottom style="medium">
        <color auto="1"/>
      </bottom>
      <diagonal/>
    </border>
    <border>
      <left style="dotted">
        <color auto="1"/>
      </left>
      <right style="dotted">
        <color auto="1"/>
      </right>
      <top style="medium">
        <color auto="1"/>
      </top>
      <bottom style="medium">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style="medium">
        <color auto="1"/>
      </bottom>
      <diagonal/>
    </border>
    <border>
      <left/>
      <right style="medium">
        <color auto="1"/>
      </right>
      <top/>
      <bottom style="medium">
        <color auto="1"/>
      </bottom>
      <diagonal/>
    </border>
    <border>
      <left style="medium">
        <color auto="1"/>
      </left>
      <right style="thin">
        <color auto="1"/>
      </right>
      <top/>
      <bottom style="medium">
        <color auto="1"/>
      </bottom>
      <diagonal/>
    </border>
    <border>
      <left/>
      <right style="medium">
        <color auto="1"/>
      </right>
      <top style="thin">
        <color indexed="64"/>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10"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6" xfId="0" applyFont="1" applyBorder="1" applyAlignment="1">
      <alignment vertical="center" wrapText="1"/>
    </xf>
    <xf numFmtId="0" fontId="2" fillId="0" borderId="16" xfId="0" applyFont="1" applyFill="1" applyBorder="1" applyAlignment="1">
      <alignment horizontal="center" vertical="center" wrapText="1"/>
    </xf>
    <xf numFmtId="0" fontId="2" fillId="3" borderId="16" xfId="0" applyFont="1" applyFill="1" applyBorder="1" applyAlignment="1">
      <alignment horizontal="left" vertical="top" wrapText="1"/>
    </xf>
    <xf numFmtId="0" fontId="2" fillId="3" borderId="16" xfId="0" applyFont="1" applyFill="1" applyBorder="1" applyAlignment="1">
      <alignment horizontal="center" vertical="top" wrapText="1"/>
    </xf>
    <xf numFmtId="0" fontId="12" fillId="0" borderId="0" xfId="0" applyFont="1" applyAlignment="1">
      <alignment horizontal="center" vertical="top" wrapText="1"/>
    </xf>
    <xf numFmtId="0" fontId="12"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6" xfId="0" applyFont="1" applyFill="1" applyBorder="1" applyAlignment="1">
      <alignment horizontal="left" vertical="center" wrapText="1"/>
    </xf>
    <xf numFmtId="0" fontId="7" fillId="0" borderId="0" xfId="5" applyFont="1" applyAlignment="1">
      <alignment horizontal="right" vertical="center" wrapText="1"/>
    </xf>
    <xf numFmtId="0" fontId="12"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4" fillId="0" borderId="2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6" xfId="5" applyFont="1" applyFill="1" applyBorder="1" applyAlignment="1">
      <alignment horizontal="right" vertical="center" wrapText="1"/>
    </xf>
    <xf numFmtId="0" fontId="7" fillId="0" borderId="31" xfId="0" applyNumberFormat="1" applyFont="1" applyBorder="1" applyAlignment="1">
      <alignment horizontal="center" vertical="center" wrapText="1"/>
    </xf>
    <xf numFmtId="0" fontId="7" fillId="0" borderId="16" xfId="0" applyNumberFormat="1" applyFont="1" applyBorder="1" applyAlignment="1">
      <alignment horizontal="center" vertical="center" wrapText="1"/>
    </xf>
    <xf numFmtId="0" fontId="7" fillId="0" borderId="32" xfId="0" applyNumberFormat="1" applyFont="1" applyBorder="1" applyAlignment="1">
      <alignment horizontal="center" vertical="center" wrapText="1"/>
    </xf>
    <xf numFmtId="49" fontId="2" fillId="0" borderId="11" xfId="0" applyNumberFormat="1" applyFont="1" applyBorder="1" applyAlignment="1">
      <alignment horizontal="left" vertical="center"/>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0" borderId="0" xfId="0" applyNumberFormat="1" applyFont="1" applyFill="1" applyAlignment="1">
      <alignment horizontal="left" vertical="center" wrapText="1"/>
    </xf>
    <xf numFmtId="0" fontId="8" fillId="0" borderId="0" xfId="0" applyFont="1" applyFill="1" applyAlignment="1">
      <alignment horizontal="left" vertical="center" wrapText="1"/>
    </xf>
    <xf numFmtId="0" fontId="4" fillId="0" borderId="0" xfId="0" applyNumberFormat="1" applyFont="1" applyAlignment="1">
      <alignment horizontal="left" vertical="top" wrapText="1"/>
    </xf>
    <xf numFmtId="49" fontId="2" fillId="0" borderId="9" xfId="0" applyNumberFormat="1" applyFont="1" applyFill="1" applyBorder="1" applyAlignment="1">
      <alignment vertical="center" wrapText="1"/>
    </xf>
    <xf numFmtId="49" fontId="2" fillId="0" borderId="37" xfId="0" applyNumberFormat="1" applyFont="1" applyFill="1" applyBorder="1" applyAlignment="1">
      <alignment horizontal="center" vertical="center" wrapText="1"/>
    </xf>
    <xf numFmtId="49" fontId="2" fillId="0" borderId="39" xfId="0" applyNumberFormat="1" applyFont="1" applyFill="1" applyBorder="1" applyAlignment="1">
      <alignment vertical="center" wrapText="1"/>
    </xf>
    <xf numFmtId="49" fontId="2" fillId="0" borderId="11" xfId="0" applyNumberFormat="1" applyFont="1" applyFill="1" applyBorder="1" applyAlignment="1">
      <alignment vertical="center" wrapText="1"/>
    </xf>
    <xf numFmtId="49" fontId="2" fillId="0" borderId="40" xfId="0" applyNumberFormat="1" applyFont="1" applyFill="1" applyBorder="1" applyAlignment="1">
      <alignment vertical="center" wrapText="1"/>
    </xf>
    <xf numFmtId="49" fontId="2" fillId="0" borderId="41" xfId="0" applyNumberFormat="1" applyFont="1" applyFill="1" applyBorder="1" applyAlignment="1">
      <alignment vertical="center" wrapText="1"/>
    </xf>
    <xf numFmtId="49" fontId="2" fillId="0" borderId="40" xfId="0" applyNumberFormat="1" applyFont="1" applyFill="1" applyBorder="1" applyAlignment="1">
      <alignment horizontal="center" vertical="center" wrapText="1"/>
    </xf>
    <xf numFmtId="49" fontId="2" fillId="0" borderId="42" xfId="0" applyNumberFormat="1" applyFont="1" applyFill="1" applyBorder="1" applyAlignment="1">
      <alignment vertical="center" wrapText="1"/>
    </xf>
    <xf numFmtId="49" fontId="2" fillId="0" borderId="44" xfId="0" applyNumberFormat="1" applyFont="1" applyFill="1" applyBorder="1" applyAlignment="1">
      <alignment horizontal="center" vertical="center" wrapText="1"/>
    </xf>
    <xf numFmtId="49" fontId="2" fillId="0" borderId="40" xfId="0" applyNumberFormat="1" applyFont="1" applyFill="1" applyBorder="1" applyAlignment="1">
      <alignment horizontal="left" vertical="center" wrapText="1"/>
    </xf>
    <xf numFmtId="49" fontId="5" fillId="5" borderId="18" xfId="0" applyNumberFormat="1" applyFont="1" applyFill="1" applyBorder="1" applyAlignment="1">
      <alignment vertical="center" wrapText="1"/>
    </xf>
    <xf numFmtId="49" fontId="5" fillId="5" borderId="15" xfId="0" applyNumberFormat="1" applyFont="1" applyFill="1" applyBorder="1" applyAlignment="1">
      <alignment vertical="center" wrapText="1"/>
    </xf>
    <xf numFmtId="49" fontId="5" fillId="5" borderId="25" xfId="0" applyNumberFormat="1" applyFont="1" applyFill="1" applyBorder="1" applyAlignment="1">
      <alignment vertical="center" wrapText="1"/>
    </xf>
    <xf numFmtId="49" fontId="2" fillId="0" borderId="45" xfId="0" applyNumberFormat="1" applyFont="1" applyBorder="1" applyAlignment="1">
      <alignment horizontal="left" vertical="center"/>
    </xf>
    <xf numFmtId="0" fontId="4" fillId="0" borderId="16" xfId="0" applyFont="1" applyFill="1" applyBorder="1" applyAlignment="1">
      <alignment vertical="center"/>
    </xf>
    <xf numFmtId="0" fontId="4" fillId="0" borderId="16" xfId="0" applyFont="1" applyFill="1" applyBorder="1" applyAlignment="1">
      <alignment horizontal="left" vertical="center"/>
    </xf>
    <xf numFmtId="0" fontId="4" fillId="6" borderId="16" xfId="0" applyFont="1" applyFill="1" applyBorder="1" applyAlignment="1">
      <alignment vertical="center" wrapText="1"/>
    </xf>
    <xf numFmtId="0" fontId="4" fillId="0" borderId="16" xfId="0" applyFont="1" applyBorder="1" applyAlignment="1">
      <alignment vertical="center" wrapText="1"/>
    </xf>
    <xf numFmtId="0" fontId="7" fillId="0" borderId="0" xfId="0" applyFont="1" applyAlignment="1">
      <alignment horizontal="right" vertical="top" wrapText="1"/>
    </xf>
    <xf numFmtId="49" fontId="2" fillId="0" borderId="49" xfId="0" applyNumberFormat="1" applyFont="1" applyBorder="1" applyAlignment="1">
      <alignment vertical="center" wrapText="1"/>
    </xf>
    <xf numFmtId="49" fontId="5" fillId="5" borderId="31" xfId="0" applyNumberFormat="1" applyFont="1" applyFill="1" applyBorder="1" applyAlignment="1">
      <alignment vertical="center" wrapText="1"/>
    </xf>
    <xf numFmtId="49" fontId="2" fillId="0" borderId="45" xfId="0" applyNumberFormat="1" applyFont="1" applyBorder="1" applyAlignment="1">
      <alignment horizontal="right" vertical="center"/>
    </xf>
    <xf numFmtId="49" fontId="2" fillId="0" borderId="11" xfId="0" applyNumberFormat="1" applyFont="1" applyBorder="1" applyAlignment="1">
      <alignment horizontal="right" vertical="center"/>
    </xf>
    <xf numFmtId="49" fontId="2" fillId="0" borderId="26"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57" xfId="0" applyNumberFormat="1" applyFont="1" applyFill="1" applyBorder="1" applyAlignment="1">
      <alignment horizontal="center" vertical="center" wrapText="1"/>
    </xf>
    <xf numFmtId="0" fontId="7" fillId="0" borderId="28" xfId="0" applyNumberFormat="1" applyFont="1" applyBorder="1" applyAlignment="1">
      <alignment horizontal="center" vertical="center" wrapText="1"/>
    </xf>
    <xf numFmtId="0" fontId="7" fillId="0" borderId="16" xfId="0" applyNumberFormat="1" applyFont="1" applyFill="1" applyBorder="1" applyAlignment="1">
      <alignment horizontal="center" vertical="center" wrapText="1"/>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16" xfId="0" applyFont="1" applyBorder="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2" fillId="0" borderId="16" xfId="0" applyFont="1" applyBorder="1" applyAlignment="1">
      <alignment vertical="center"/>
    </xf>
    <xf numFmtId="0" fontId="2" fillId="0" borderId="16" xfId="0" applyFont="1" applyBorder="1" applyAlignment="1">
      <alignment horizontal="left" vertical="center"/>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7" fillId="0" borderId="61" xfId="0" applyNumberFormat="1" applyFont="1" applyBorder="1" applyAlignment="1">
      <alignment horizontal="center" vertical="center" wrapText="1"/>
    </xf>
    <xf numFmtId="0" fontId="2" fillId="0" borderId="43" xfId="0" applyFont="1" applyFill="1" applyBorder="1" applyAlignment="1">
      <alignment horizontal="left" vertical="center" wrapText="1"/>
    </xf>
    <xf numFmtId="0" fontId="2" fillId="0" borderId="66" xfId="0" applyFont="1" applyFill="1" applyBorder="1" applyAlignment="1">
      <alignment horizontal="left" vertical="center" wrapText="1"/>
    </xf>
    <xf numFmtId="49" fontId="2" fillId="0" borderId="65" xfId="0" applyNumberFormat="1" applyFont="1" applyFill="1" applyBorder="1" applyAlignment="1">
      <alignment horizontal="left" vertical="center" wrapText="1"/>
    </xf>
    <xf numFmtId="49" fontId="2" fillId="0" borderId="0" xfId="0" applyNumberFormat="1" applyFont="1" applyFill="1" applyBorder="1" applyAlignment="1">
      <alignment horizontal="left" vertical="center" wrapText="1"/>
    </xf>
    <xf numFmtId="0" fontId="4" fillId="0" borderId="0" xfId="0" applyFont="1" applyFill="1" applyBorder="1" applyAlignment="1">
      <alignment horizontal="left" vertical="center" wrapText="1"/>
    </xf>
    <xf numFmtId="49" fontId="5" fillId="0" borderId="3" xfId="1" applyNumberFormat="1" applyFont="1" applyBorder="1" applyAlignment="1">
      <alignment horizontal="center" vertical="top" wrapText="1"/>
    </xf>
    <xf numFmtId="49" fontId="5" fillId="0" borderId="64" xfId="1" applyNumberFormat="1" applyFont="1" applyBorder="1" applyAlignment="1">
      <alignment horizontal="left" vertical="center" wrapText="1"/>
    </xf>
    <xf numFmtId="0" fontId="4" fillId="0" borderId="16" xfId="0" applyFont="1" applyFill="1" applyBorder="1" applyAlignment="1">
      <alignment vertical="center" wrapText="1"/>
    </xf>
    <xf numFmtId="0" fontId="2" fillId="0" borderId="16" xfId="0" applyFont="1" applyFill="1" applyBorder="1" applyAlignment="1">
      <alignment vertical="center"/>
    </xf>
    <xf numFmtId="0" fontId="2" fillId="0" borderId="16" xfId="0" applyFont="1" applyFill="1" applyBorder="1" applyAlignment="1">
      <alignment horizontal="left" vertical="center"/>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4" fillId="6" borderId="5" xfId="0" applyFont="1" applyFill="1" applyBorder="1" applyAlignment="1">
      <alignment horizontal="left" vertical="center" wrapText="1"/>
    </xf>
    <xf numFmtId="0" fontId="4" fillId="6" borderId="6" xfId="0" applyFont="1" applyFill="1" applyBorder="1" applyAlignment="1">
      <alignment horizontal="left" vertical="center" wrapText="1"/>
    </xf>
    <xf numFmtId="0" fontId="4" fillId="6" borderId="26"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4" fillId="0" borderId="61" xfId="0" applyFont="1" applyFill="1" applyBorder="1" applyAlignment="1">
      <alignment horizontal="left" vertical="center" wrapText="1"/>
    </xf>
    <xf numFmtId="0" fontId="4" fillId="0" borderId="62" xfId="0" applyFont="1" applyFill="1" applyBorder="1" applyAlignment="1">
      <alignment horizontal="left" vertical="center" wrapText="1"/>
    </xf>
    <xf numFmtId="49" fontId="2" fillId="0" borderId="16"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0" fontId="16" fillId="0" borderId="5" xfId="0" applyFont="1" applyFill="1" applyBorder="1" applyAlignment="1">
      <alignment horizontal="left" vertical="center" wrapText="1"/>
    </xf>
    <xf numFmtId="0" fontId="10" fillId="0" borderId="6" xfId="0" applyFont="1" applyBorder="1" applyAlignment="1">
      <alignment horizontal="left" vertical="center" wrapText="1"/>
    </xf>
    <xf numFmtId="0" fontId="10" fillId="0" borderId="7" xfId="0" applyFont="1" applyBorder="1" applyAlignment="1">
      <alignment horizontal="left" vertical="center" wrapText="1"/>
    </xf>
    <xf numFmtId="0" fontId="2" fillId="0" borderId="16" xfId="0" applyFont="1" applyFill="1" applyBorder="1" applyAlignment="1">
      <alignment horizontal="left" vertical="center" wrapText="1"/>
    </xf>
    <xf numFmtId="0" fontId="2" fillId="0" borderId="13" xfId="0" applyFont="1" applyFill="1" applyBorder="1" applyAlignment="1">
      <alignment horizontal="left" vertical="center" wrapText="1"/>
    </xf>
    <xf numFmtId="14" fontId="13" fillId="0" borderId="0" xfId="0" applyNumberFormat="1" applyFont="1" applyBorder="1" applyAlignment="1">
      <alignment horizontal="left" vertical="top" wrapText="1"/>
    </xf>
    <xf numFmtId="0" fontId="13" fillId="0" borderId="0" xfId="0" applyNumberFormat="1" applyFont="1" applyBorder="1" applyAlignment="1">
      <alignment horizontal="left" vertical="top" wrapText="1"/>
    </xf>
    <xf numFmtId="0" fontId="3" fillId="0" borderId="58" xfId="0" applyFont="1" applyFill="1" applyBorder="1" applyAlignment="1">
      <alignment horizontal="left" vertical="center" wrapText="1"/>
    </xf>
    <xf numFmtId="0" fontId="3" fillId="0" borderId="59" xfId="0" applyFont="1" applyFill="1" applyBorder="1" applyAlignment="1">
      <alignment horizontal="left" vertical="center" wrapText="1"/>
    </xf>
    <xf numFmtId="0" fontId="3" fillId="0" borderId="34" xfId="0" applyFont="1" applyFill="1" applyBorder="1" applyAlignment="1">
      <alignment horizontal="left" vertical="center" wrapText="1"/>
    </xf>
    <xf numFmtId="0" fontId="4" fillId="0" borderId="20" xfId="0" applyFont="1" applyFill="1" applyBorder="1" applyAlignment="1">
      <alignment horizontal="left" vertical="center" wrapText="1"/>
    </xf>
    <xf numFmtId="0" fontId="4" fillId="0" borderId="19" xfId="0" applyFont="1" applyFill="1" applyBorder="1" applyAlignment="1">
      <alignment horizontal="left" vertical="center" wrapText="1"/>
    </xf>
    <xf numFmtId="0" fontId="4" fillId="0" borderId="50"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4" fillId="0" borderId="51" xfId="0" applyFont="1" applyFill="1" applyBorder="1" applyAlignment="1">
      <alignment horizontal="left" vertical="center" wrapText="1"/>
    </xf>
    <xf numFmtId="0" fontId="4" fillId="0" borderId="52"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0" borderId="38"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13" fillId="0" borderId="0" xfId="0" applyNumberFormat="1" applyFont="1" applyBorder="1" applyAlignment="1">
      <alignment horizontal="left" wrapText="1"/>
    </xf>
    <xf numFmtId="0" fontId="4" fillId="0" borderId="43"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12"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2" borderId="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0" xfId="0" applyFont="1" applyFill="1" applyBorder="1" applyAlignment="1">
      <alignment horizontal="center" vertical="top" wrapText="1"/>
    </xf>
    <xf numFmtId="0" fontId="3" fillId="2" borderId="19"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2" xfId="0" applyNumberFormat="1" applyFont="1" applyFill="1" applyBorder="1" applyAlignment="1">
      <alignment horizontal="center" vertical="center" wrapText="1"/>
    </xf>
    <xf numFmtId="49" fontId="2" fillId="2" borderId="2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2" fillId="3" borderId="7"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5" fillId="0" borderId="0" xfId="0" applyFont="1" applyFill="1" applyAlignment="1">
      <alignment horizontal="left" vertical="top" wrapText="1"/>
    </xf>
    <xf numFmtId="0" fontId="13"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49" fontId="2" fillId="0" borderId="42" xfId="0" applyNumberFormat="1" applyFont="1" applyBorder="1" applyAlignment="1">
      <alignment horizontal="left" vertical="center"/>
    </xf>
    <xf numFmtId="49" fontId="2" fillId="0" borderId="39" xfId="0" applyNumberFormat="1" applyFont="1" applyBorder="1" applyAlignment="1">
      <alignment horizontal="left" vertical="center"/>
    </xf>
    <xf numFmtId="49" fontId="2" fillId="2" borderId="24"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31" xfId="0" applyFont="1" applyFill="1" applyBorder="1" applyAlignment="1">
      <alignment horizontal="left" vertical="center" wrapText="1"/>
    </xf>
    <xf numFmtId="0" fontId="2" fillId="0" borderId="12" xfId="0" applyFont="1" applyFill="1" applyBorder="1" applyAlignment="1">
      <alignment horizontal="left" vertical="center" wrapText="1"/>
    </xf>
    <xf numFmtId="49" fontId="5" fillId="5" borderId="14" xfId="0" applyNumberFormat="1" applyFont="1" applyFill="1" applyBorder="1" applyAlignment="1">
      <alignment horizontal="left" vertical="center" wrapText="1"/>
    </xf>
    <xf numFmtId="49" fontId="5" fillId="5" borderId="18" xfId="0" applyNumberFormat="1" applyFont="1" applyFill="1" applyBorder="1" applyAlignment="1">
      <alignment horizontal="left" vertical="center" wrapText="1"/>
    </xf>
    <xf numFmtId="0" fontId="4" fillId="6" borderId="61" xfId="0" applyFont="1" applyFill="1" applyBorder="1" applyAlignment="1">
      <alignment vertical="center" wrapText="1"/>
    </xf>
    <xf numFmtId="0" fontId="4" fillId="6" borderId="62" xfId="0" applyFont="1" applyFill="1" applyBorder="1" applyAlignment="1">
      <alignment vertical="center" wrapText="1"/>
    </xf>
    <xf numFmtId="49" fontId="2" fillId="0" borderId="42" xfId="0" applyNumberFormat="1" applyFont="1" applyBorder="1" applyAlignment="1">
      <alignment horizontal="right" vertical="center"/>
    </xf>
    <xf numFmtId="49" fontId="2" fillId="0" borderId="39" xfId="0" applyNumberFormat="1" applyFont="1" applyBorder="1" applyAlignment="1">
      <alignment horizontal="right" vertical="center"/>
    </xf>
    <xf numFmtId="0" fontId="2" fillId="0" borderId="0" xfId="0" applyFont="1" applyAlignment="1">
      <alignment horizontal="center" vertical="center" wrapText="1"/>
    </xf>
    <xf numFmtId="0" fontId="3" fillId="0" borderId="0" xfId="0" applyFont="1" applyAlignment="1">
      <alignment horizontal="center"/>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4" fillId="0" borderId="63" xfId="0" applyFont="1" applyFill="1" applyBorder="1" applyAlignment="1">
      <alignment horizontal="left" vertical="center" wrapText="1"/>
    </xf>
    <xf numFmtId="0" fontId="4" fillId="0" borderId="30"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2" fillId="0" borderId="60"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14" fillId="0" borderId="8" xfId="0" applyFont="1" applyBorder="1" applyAlignment="1">
      <alignment horizontal="center"/>
    </xf>
    <xf numFmtId="0" fontId="13" fillId="0" borderId="0" xfId="5" applyFont="1" applyAlignment="1">
      <alignment horizontal="center" vertical="center" wrapText="1"/>
    </xf>
    <xf numFmtId="0" fontId="7" fillId="0" borderId="0" xfId="5" applyFont="1" applyAlignment="1">
      <alignment horizontal="center" vertical="top" wrapText="1"/>
    </xf>
    <xf numFmtId="0" fontId="11" fillId="0" borderId="16" xfId="0" applyFont="1" applyFill="1" applyBorder="1" applyAlignment="1">
      <alignment horizontal="left" vertical="center" wrapText="1"/>
    </xf>
    <xf numFmtId="0" fontId="11" fillId="0" borderId="13"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9525</xdr:rowOff>
        </xdr:from>
        <xdr:to>
          <xdr:col>0</xdr:col>
          <xdr:colOff>885825</xdr:colOff>
          <xdr:row>3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0</xdr:rowOff>
        </xdr:from>
        <xdr:to>
          <xdr:col>0</xdr:col>
          <xdr:colOff>885825</xdr:colOff>
          <xdr:row>3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J169"/>
  <sheetViews>
    <sheetView showGridLines="0" tabSelected="1" topLeftCell="A13" zoomScaleNormal="100" workbookViewId="0">
      <selection activeCell="L31" sqref="L31"/>
    </sheetView>
  </sheetViews>
  <sheetFormatPr defaultRowHeight="12.75" x14ac:dyDescent="0.2"/>
  <cols>
    <col min="1" max="1" width="13.5703125" style="1" customWidth="1"/>
    <col min="2" max="2" width="70.42578125" style="1" customWidth="1"/>
    <col min="3" max="3" width="12.5703125" style="1" customWidth="1"/>
    <col min="4" max="4" width="13" style="1" customWidth="1"/>
    <col min="5" max="5" width="14.140625" style="1" customWidth="1"/>
    <col min="6" max="6" width="12.5703125" style="1" customWidth="1"/>
    <col min="7" max="7" width="16.42578125" style="8" customWidth="1"/>
    <col min="8" max="8" width="13.7109375" style="8" customWidth="1"/>
    <col min="9" max="9" width="19.7109375" style="2" customWidth="1"/>
    <col min="10" max="10" width="17.140625" style="1" customWidth="1"/>
    <col min="11" max="11" width="9.140625" style="1"/>
    <col min="12" max="12" width="9.140625" style="1" customWidth="1"/>
    <col min="13" max="16384" width="9.140625" style="1"/>
  </cols>
  <sheetData>
    <row r="1" spans="1:9" ht="24" customHeight="1" x14ac:dyDescent="0.2">
      <c r="A1" s="184" t="s">
        <v>50</v>
      </c>
      <c r="B1" s="184"/>
      <c r="C1" s="184"/>
      <c r="D1" s="184"/>
      <c r="E1" s="184"/>
      <c r="F1" s="184"/>
      <c r="G1" s="184"/>
      <c r="H1" s="184"/>
      <c r="I1" s="184"/>
    </row>
    <row r="2" spans="1:9" ht="27.75" customHeight="1" x14ac:dyDescent="0.2">
      <c r="A2" s="183" t="s">
        <v>47</v>
      </c>
      <c r="B2" s="183"/>
      <c r="C2" s="183"/>
      <c r="D2" s="183"/>
      <c r="E2" s="183"/>
      <c r="F2" s="183"/>
      <c r="G2" s="183"/>
      <c r="H2" s="183"/>
      <c r="I2" s="183"/>
    </row>
    <row r="3" spans="1:9" ht="54.75" customHeight="1" x14ac:dyDescent="0.2">
      <c r="A3" s="142" t="s">
        <v>54</v>
      </c>
      <c r="B3" s="142"/>
      <c r="C3" s="142"/>
      <c r="D3" s="142"/>
      <c r="E3" s="142"/>
      <c r="F3" s="142"/>
      <c r="G3" s="142"/>
      <c r="H3" s="142"/>
      <c r="I3" s="142"/>
    </row>
    <row r="4" spans="1:9" ht="24.95" customHeight="1" x14ac:dyDescent="0.2">
      <c r="A4" s="45" t="s">
        <v>53</v>
      </c>
      <c r="B4" s="169"/>
      <c r="C4" s="169"/>
      <c r="D4" s="169"/>
      <c r="E4" s="169"/>
      <c r="F4" s="169"/>
      <c r="G4" s="42"/>
      <c r="H4" s="42"/>
      <c r="I4" s="42"/>
    </row>
    <row r="5" spans="1:9" ht="24.95" customHeight="1" x14ac:dyDescent="0.2">
      <c r="A5" s="45" t="s">
        <v>51</v>
      </c>
      <c r="B5" s="170"/>
      <c r="C5" s="170"/>
      <c r="D5" s="170"/>
      <c r="E5" s="170"/>
      <c r="F5" s="170"/>
      <c r="G5" s="42"/>
      <c r="H5" s="42"/>
      <c r="I5" s="42"/>
    </row>
    <row r="6" spans="1:9" ht="5.0999999999999996" customHeight="1" x14ac:dyDescent="0.2">
      <c r="A6" s="42"/>
      <c r="B6" s="42"/>
      <c r="C6" s="42"/>
      <c r="D6" s="42"/>
      <c r="E6" s="42"/>
      <c r="F6" s="42"/>
      <c r="G6" s="42"/>
      <c r="H6" s="42"/>
      <c r="I6" s="42"/>
    </row>
    <row r="7" spans="1:9" s="2" customFormat="1" ht="20.100000000000001" customHeight="1" x14ac:dyDescent="0.25">
      <c r="A7" s="143" t="s">
        <v>4</v>
      </c>
      <c r="B7" s="143"/>
      <c r="C7" s="143"/>
      <c r="D7" s="143"/>
      <c r="E7" s="143"/>
      <c r="F7" s="143"/>
      <c r="G7" s="143"/>
      <c r="H7" s="143"/>
      <c r="I7" s="143"/>
    </row>
    <row r="8" spans="1:9" s="2" customFormat="1" ht="20.100000000000001" customHeight="1" x14ac:dyDescent="0.25">
      <c r="A8" s="144" t="s">
        <v>8</v>
      </c>
      <c r="B8" s="144"/>
      <c r="C8" s="144"/>
      <c r="D8" s="144"/>
      <c r="E8" s="144"/>
      <c r="F8" s="144"/>
      <c r="G8" s="144"/>
      <c r="H8" s="144"/>
      <c r="I8" s="144"/>
    </row>
    <row r="9" spans="1:9" ht="24.95" customHeight="1" x14ac:dyDescent="0.2">
      <c r="A9" s="145" t="s">
        <v>218</v>
      </c>
      <c r="B9" s="145"/>
      <c r="C9" s="145"/>
      <c r="D9" s="145"/>
      <c r="E9" s="145"/>
      <c r="F9" s="145"/>
      <c r="G9" s="145"/>
      <c r="H9" s="145"/>
      <c r="I9" s="145"/>
    </row>
    <row r="10" spans="1:9" ht="4.5" customHeight="1" x14ac:dyDescent="0.2">
      <c r="A10" s="44"/>
      <c r="B10" s="44"/>
      <c r="C10" s="54"/>
      <c r="D10" s="54"/>
      <c r="E10" s="54"/>
      <c r="F10" s="54"/>
      <c r="G10" s="44"/>
      <c r="H10" s="44"/>
      <c r="I10" s="44"/>
    </row>
    <row r="11" spans="1:9" s="2" customFormat="1" ht="20.100000000000001" customHeight="1" x14ac:dyDescent="0.25">
      <c r="A11" s="146" t="s">
        <v>9</v>
      </c>
      <c r="B11" s="146"/>
      <c r="C11" s="146"/>
      <c r="D11" s="146"/>
      <c r="E11" s="146"/>
      <c r="F11" s="146"/>
      <c r="G11" s="146"/>
      <c r="H11" s="146"/>
      <c r="I11" s="146"/>
    </row>
    <row r="12" spans="1:9" s="2" customFormat="1" ht="24.95" customHeight="1" x14ac:dyDescent="0.2">
      <c r="A12" s="147" t="s">
        <v>161</v>
      </c>
      <c r="B12" s="147"/>
      <c r="C12" s="147"/>
      <c r="D12" s="147"/>
      <c r="E12" s="147"/>
      <c r="F12" s="147"/>
      <c r="G12" s="147"/>
      <c r="H12" s="17"/>
      <c r="I12" s="17"/>
    </row>
    <row r="13" spans="1:9" s="2" customFormat="1" ht="24.95" customHeight="1" x14ac:dyDescent="0.2">
      <c r="A13" s="147" t="s">
        <v>136</v>
      </c>
      <c r="B13" s="147"/>
      <c r="C13" s="147"/>
      <c r="D13" s="147"/>
      <c r="E13" s="147"/>
      <c r="F13" s="147"/>
      <c r="G13" s="147"/>
      <c r="H13" s="17"/>
      <c r="I13" s="17"/>
    </row>
    <row r="14" spans="1:9" s="3" customFormat="1" ht="20.100000000000001" customHeight="1" x14ac:dyDescent="0.25">
      <c r="A14" s="147" t="s">
        <v>26</v>
      </c>
      <c r="B14" s="147"/>
      <c r="C14" s="147"/>
      <c r="D14" s="147"/>
      <c r="E14" s="147"/>
      <c r="F14" s="147"/>
      <c r="G14" s="147"/>
      <c r="H14" s="23"/>
      <c r="I14" s="24"/>
    </row>
    <row r="15" spans="1:9" ht="4.5" customHeight="1" x14ac:dyDescent="0.2">
      <c r="A15" s="44"/>
      <c r="B15" s="44"/>
      <c r="C15" s="54"/>
      <c r="D15" s="54"/>
      <c r="E15" s="54"/>
      <c r="F15" s="54"/>
      <c r="G15" s="44"/>
      <c r="H15" s="44"/>
      <c r="I15" s="44"/>
    </row>
    <row r="16" spans="1:9" ht="20.100000000000001" customHeight="1" x14ac:dyDescent="0.2">
      <c r="A16" s="43" t="s">
        <v>10</v>
      </c>
      <c r="B16" s="25"/>
      <c r="C16" s="25"/>
      <c r="D16" s="25"/>
      <c r="E16" s="25"/>
      <c r="F16" s="25"/>
      <c r="G16" s="25"/>
      <c r="H16" s="26"/>
      <c r="I16" s="26"/>
    </row>
    <row r="17" spans="1:9" s="3" customFormat="1" ht="24.95" customHeight="1" x14ac:dyDescent="0.25">
      <c r="A17" s="166" t="s">
        <v>137</v>
      </c>
      <c r="B17" s="166"/>
      <c r="C17" s="166"/>
      <c r="D17" s="166"/>
      <c r="E17" s="166"/>
      <c r="F17" s="166"/>
      <c r="G17" s="166"/>
      <c r="H17" s="23"/>
      <c r="I17" s="24"/>
    </row>
    <row r="18" spans="1:9" ht="5.0999999999999996" customHeight="1" x14ac:dyDescent="0.2">
      <c r="A18" s="167"/>
      <c r="B18" s="167"/>
      <c r="C18" s="167"/>
      <c r="D18" s="167"/>
      <c r="E18" s="167"/>
      <c r="F18" s="167"/>
      <c r="G18" s="167"/>
      <c r="I18" s="18"/>
    </row>
    <row r="19" spans="1:9" s="2" customFormat="1" ht="20.100000000000001" customHeight="1" x14ac:dyDescent="0.25">
      <c r="A19" s="143" t="s">
        <v>23</v>
      </c>
      <c r="B19" s="143"/>
      <c r="C19" s="143"/>
      <c r="D19" s="143"/>
      <c r="E19" s="143"/>
      <c r="F19" s="143"/>
      <c r="G19" s="143"/>
      <c r="H19" s="143"/>
      <c r="I19" s="143"/>
    </row>
    <row r="20" spans="1:9" ht="143.25" customHeight="1" x14ac:dyDescent="0.2">
      <c r="A20" s="147" t="s">
        <v>230</v>
      </c>
      <c r="B20" s="168"/>
      <c r="C20" s="168"/>
      <c r="D20" s="168"/>
      <c r="E20" s="168"/>
      <c r="F20" s="168"/>
      <c r="G20" s="168"/>
      <c r="H20" s="168"/>
      <c r="I20" s="168"/>
    </row>
    <row r="21" spans="1:9" ht="5.0999999999999996" customHeight="1" x14ac:dyDescent="0.2">
      <c r="A21" s="167"/>
      <c r="B21" s="167"/>
      <c r="C21" s="167"/>
      <c r="D21" s="167"/>
      <c r="E21" s="167"/>
      <c r="F21" s="167"/>
      <c r="G21" s="167"/>
      <c r="I21" s="18"/>
    </row>
    <row r="22" spans="1:9" s="2" customFormat="1" ht="20.100000000000001" customHeight="1" x14ac:dyDescent="0.25">
      <c r="A22" s="143" t="s">
        <v>24</v>
      </c>
      <c r="B22" s="143"/>
      <c r="C22" s="143"/>
      <c r="D22" s="143"/>
      <c r="E22" s="143"/>
      <c r="F22" s="143"/>
      <c r="G22" s="143"/>
      <c r="H22" s="143"/>
      <c r="I22" s="143"/>
    </row>
    <row r="23" spans="1:9" s="9" customFormat="1" ht="20.100000000000001" customHeight="1" x14ac:dyDescent="0.25">
      <c r="A23" s="157" t="s">
        <v>5</v>
      </c>
      <c r="B23" s="157"/>
      <c r="C23" s="157"/>
      <c r="D23" s="157"/>
      <c r="E23" s="157"/>
      <c r="F23" s="157"/>
      <c r="G23" s="157"/>
      <c r="H23" s="157"/>
      <c r="I23" s="157"/>
    </row>
    <row r="24" spans="1:9" s="9" customFormat="1" ht="20.100000000000001" customHeight="1" x14ac:dyDescent="0.25">
      <c r="A24" s="164" t="s">
        <v>17</v>
      </c>
      <c r="B24" s="165"/>
      <c r="C24" s="53"/>
      <c r="D24" s="53"/>
      <c r="E24" s="53"/>
      <c r="F24" s="53"/>
      <c r="G24" s="16"/>
      <c r="H24" s="16"/>
      <c r="I24" s="16"/>
    </row>
    <row r="25" spans="1:9" s="9" customFormat="1" ht="20.100000000000001" customHeight="1" x14ac:dyDescent="0.25">
      <c r="A25" s="15"/>
      <c r="B25" s="15" t="s">
        <v>21</v>
      </c>
      <c r="C25" s="15"/>
      <c r="D25" s="15"/>
      <c r="E25" s="15"/>
      <c r="F25" s="15"/>
      <c r="G25" s="16"/>
      <c r="H25" s="16"/>
      <c r="I25" s="16"/>
    </row>
    <row r="26" spans="1:9" s="9" customFormat="1" ht="20.100000000000001" customHeight="1" x14ac:dyDescent="0.25">
      <c r="A26" s="15"/>
      <c r="B26" s="15" t="s">
        <v>22</v>
      </c>
      <c r="C26" s="15"/>
      <c r="D26" s="15"/>
      <c r="E26" s="15"/>
      <c r="F26" s="15"/>
      <c r="G26" s="16"/>
      <c r="H26" s="16"/>
      <c r="I26" s="16"/>
    </row>
    <row r="27" spans="1:9" s="9" customFormat="1" ht="20.100000000000001" customHeight="1" x14ac:dyDescent="0.25">
      <c r="A27" s="164" t="s">
        <v>18</v>
      </c>
      <c r="B27" s="165"/>
      <c r="C27" s="53"/>
      <c r="D27" s="53"/>
      <c r="E27" s="53"/>
      <c r="F27" s="53"/>
      <c r="G27" s="16"/>
      <c r="H27" s="16"/>
      <c r="I27" s="16"/>
    </row>
    <row r="28" spans="1:9" s="9" customFormat="1" ht="31.5" customHeight="1" x14ac:dyDescent="0.25">
      <c r="A28" s="21" t="s">
        <v>19</v>
      </c>
      <c r="B28" s="158" t="s">
        <v>12</v>
      </c>
      <c r="C28" s="159"/>
      <c r="D28" s="159"/>
      <c r="E28" s="159"/>
      <c r="F28" s="159"/>
      <c r="G28" s="160"/>
      <c r="H28" s="22" t="s">
        <v>11</v>
      </c>
      <c r="I28" s="22" t="s">
        <v>13</v>
      </c>
    </row>
    <row r="29" spans="1:9" s="9" customFormat="1" ht="24.95" customHeight="1" x14ac:dyDescent="0.25">
      <c r="A29" s="19" t="s">
        <v>1</v>
      </c>
      <c r="B29" s="161" t="s">
        <v>160</v>
      </c>
      <c r="C29" s="162"/>
      <c r="D29" s="162"/>
      <c r="E29" s="162"/>
      <c r="F29" s="162"/>
      <c r="G29" s="163"/>
      <c r="H29" s="20" t="s">
        <v>0</v>
      </c>
      <c r="I29" s="85">
        <v>1</v>
      </c>
    </row>
    <row r="30" spans="1:9" s="9" customFormat="1" ht="4.5" customHeight="1" x14ac:dyDescent="0.25">
      <c r="A30" s="16"/>
      <c r="B30" s="16"/>
      <c r="C30" s="52"/>
      <c r="D30" s="52"/>
      <c r="E30" s="52"/>
      <c r="F30" s="52"/>
      <c r="G30" s="16"/>
      <c r="H30" s="16"/>
      <c r="I30" s="16"/>
    </row>
    <row r="31" spans="1:9" s="9" customFormat="1" ht="20.100000000000001" customHeight="1" x14ac:dyDescent="0.25">
      <c r="A31" s="164" t="s">
        <v>20</v>
      </c>
      <c r="B31" s="165"/>
      <c r="C31" s="53"/>
      <c r="D31" s="53"/>
      <c r="E31" s="53"/>
      <c r="F31" s="53"/>
      <c r="G31" s="16"/>
      <c r="H31" s="16"/>
      <c r="I31" s="16"/>
    </row>
    <row r="32" spans="1:9" s="9" customFormat="1" ht="20.100000000000001" customHeight="1" x14ac:dyDescent="0.2">
      <c r="A32" s="10"/>
      <c r="B32" s="9" t="s">
        <v>2</v>
      </c>
      <c r="G32" s="16"/>
      <c r="H32" s="16"/>
      <c r="I32" s="16"/>
    </row>
    <row r="33" spans="1:10" s="9" customFormat="1" ht="20.100000000000001" customHeight="1" x14ac:dyDescent="0.25">
      <c r="A33" s="15"/>
      <c r="B33" s="2" t="s">
        <v>3</v>
      </c>
      <c r="C33" s="2"/>
      <c r="D33" s="2"/>
      <c r="E33" s="2"/>
      <c r="F33" s="2"/>
      <c r="G33" s="16"/>
      <c r="H33" s="16"/>
      <c r="I33" s="16"/>
    </row>
    <row r="34" spans="1:10" ht="5.0999999999999996" customHeight="1" x14ac:dyDescent="0.2"/>
    <row r="35" spans="1:10" s="2" customFormat="1" ht="20.100000000000001" customHeight="1" x14ac:dyDescent="0.25">
      <c r="A35" s="143" t="s">
        <v>25</v>
      </c>
      <c r="B35" s="143"/>
      <c r="C35" s="143"/>
      <c r="D35" s="143"/>
      <c r="E35" s="143"/>
      <c r="F35" s="143"/>
      <c r="G35" s="143"/>
      <c r="H35" s="143"/>
      <c r="I35" s="143"/>
    </row>
    <row r="36" spans="1:10" s="2" customFormat="1" ht="5.0999999999999996" customHeight="1" thickBot="1" x14ac:dyDescent="0.3">
      <c r="A36" s="18"/>
      <c r="G36" s="6"/>
      <c r="H36" s="6"/>
      <c r="I36" s="6"/>
    </row>
    <row r="37" spans="1:10" s="3" customFormat="1" ht="93" customHeight="1" x14ac:dyDescent="0.25">
      <c r="A37" s="148" t="s">
        <v>140</v>
      </c>
      <c r="B37" s="149"/>
      <c r="C37" s="83"/>
      <c r="D37" s="83"/>
      <c r="E37" s="83"/>
      <c r="F37" s="83"/>
      <c r="G37" s="152" t="s">
        <v>27</v>
      </c>
      <c r="H37" s="153"/>
      <c r="I37" s="154"/>
      <c r="J37" s="27"/>
    </row>
    <row r="38" spans="1:10" s="3" customFormat="1" ht="30" customHeight="1" thickBot="1" x14ac:dyDescent="0.3">
      <c r="A38" s="150"/>
      <c r="B38" s="151"/>
      <c r="C38" s="84"/>
      <c r="D38" s="84"/>
      <c r="E38" s="84"/>
      <c r="F38" s="84"/>
      <c r="G38" s="28" t="s">
        <v>28</v>
      </c>
      <c r="H38" s="155" t="s">
        <v>29</v>
      </c>
      <c r="I38" s="156"/>
    </row>
    <row r="39" spans="1:10" s="29" customFormat="1" ht="30.75" customHeight="1" x14ac:dyDescent="0.25">
      <c r="A39" s="177" t="s">
        <v>162</v>
      </c>
      <c r="B39" s="178"/>
      <c r="C39" s="67" t="s">
        <v>132</v>
      </c>
      <c r="D39" s="67" t="s">
        <v>133</v>
      </c>
      <c r="E39" s="67" t="s">
        <v>134</v>
      </c>
      <c r="F39" s="67" t="s">
        <v>135</v>
      </c>
      <c r="G39" s="75"/>
      <c r="H39" s="65"/>
      <c r="I39" s="66"/>
    </row>
    <row r="40" spans="1:10" s="4" customFormat="1" ht="30" customHeight="1" x14ac:dyDescent="0.25">
      <c r="A40" s="68" t="s">
        <v>15</v>
      </c>
      <c r="B40" s="72" t="s">
        <v>163</v>
      </c>
      <c r="C40" s="69" t="s">
        <v>0</v>
      </c>
      <c r="D40" s="70"/>
      <c r="E40" s="70"/>
      <c r="F40" s="70">
        <v>1</v>
      </c>
      <c r="G40" s="47"/>
      <c r="H40" s="113"/>
      <c r="I40" s="114"/>
    </row>
    <row r="41" spans="1:10" s="4" customFormat="1" ht="30" customHeight="1" x14ac:dyDescent="0.25">
      <c r="A41" s="68" t="s">
        <v>60</v>
      </c>
      <c r="B41" s="72" t="s">
        <v>164</v>
      </c>
      <c r="C41" s="69" t="s">
        <v>165</v>
      </c>
      <c r="D41" s="70">
        <v>27</v>
      </c>
      <c r="E41" s="70"/>
      <c r="F41" s="70"/>
      <c r="G41" s="47"/>
      <c r="H41" s="113"/>
      <c r="I41" s="114"/>
    </row>
    <row r="42" spans="1:10" s="4" customFormat="1" ht="30" customHeight="1" x14ac:dyDescent="0.25">
      <c r="A42" s="68" t="s">
        <v>74</v>
      </c>
      <c r="B42" s="107" t="s">
        <v>166</v>
      </c>
      <c r="C42" s="108"/>
      <c r="D42" s="108"/>
      <c r="E42" s="108"/>
      <c r="F42" s="108"/>
      <c r="G42" s="108"/>
      <c r="H42" s="108"/>
      <c r="I42" s="109"/>
    </row>
    <row r="43" spans="1:10" s="4" customFormat="1" ht="30" customHeight="1" x14ac:dyDescent="0.25">
      <c r="A43" s="76" t="s">
        <v>139</v>
      </c>
      <c r="B43" s="71" t="s">
        <v>167</v>
      </c>
      <c r="C43" s="89" t="s">
        <v>168</v>
      </c>
      <c r="D43" s="90">
        <v>0.8</v>
      </c>
      <c r="E43" s="90">
        <v>40</v>
      </c>
      <c r="F43" s="89"/>
      <c r="G43" s="47"/>
      <c r="H43" s="113"/>
      <c r="I43" s="114"/>
    </row>
    <row r="44" spans="1:10" s="4" customFormat="1" ht="30" customHeight="1" x14ac:dyDescent="0.25">
      <c r="A44" s="76" t="s">
        <v>175</v>
      </c>
      <c r="B44" s="101" t="s">
        <v>179</v>
      </c>
      <c r="C44" s="102" t="s">
        <v>168</v>
      </c>
      <c r="D44" s="103"/>
      <c r="E44" s="103"/>
      <c r="F44" s="103">
        <v>0.1</v>
      </c>
      <c r="G44" s="47"/>
      <c r="H44" s="113"/>
      <c r="I44" s="114"/>
    </row>
    <row r="45" spans="1:10" s="4" customFormat="1" ht="30" customHeight="1" x14ac:dyDescent="0.25">
      <c r="A45" s="76" t="s">
        <v>169</v>
      </c>
      <c r="B45" s="71" t="s">
        <v>171</v>
      </c>
      <c r="C45" s="89" t="s">
        <v>172</v>
      </c>
      <c r="D45" s="90">
        <v>0.8</v>
      </c>
      <c r="E45" s="90">
        <v>99.9</v>
      </c>
      <c r="F45" s="89"/>
      <c r="G45" s="47"/>
      <c r="H45" s="113"/>
      <c r="I45" s="114"/>
    </row>
    <row r="46" spans="1:10" s="4" customFormat="1" ht="30" customHeight="1" x14ac:dyDescent="0.25">
      <c r="A46" s="76" t="s">
        <v>176</v>
      </c>
      <c r="B46" s="101" t="s">
        <v>180</v>
      </c>
      <c r="C46" s="102" t="s">
        <v>172</v>
      </c>
      <c r="D46" s="103"/>
      <c r="E46" s="103"/>
      <c r="F46" s="103">
        <v>0.1</v>
      </c>
      <c r="G46" s="47"/>
      <c r="H46" s="113"/>
      <c r="I46" s="114"/>
    </row>
    <row r="47" spans="1:10" s="4" customFormat="1" ht="30" customHeight="1" x14ac:dyDescent="0.25">
      <c r="A47" s="76" t="s">
        <v>170</v>
      </c>
      <c r="B47" s="71" t="s">
        <v>174</v>
      </c>
      <c r="C47" s="89" t="s">
        <v>168</v>
      </c>
      <c r="D47" s="90">
        <v>1.6</v>
      </c>
      <c r="E47" s="90"/>
      <c r="F47" s="89"/>
      <c r="G47" s="47"/>
      <c r="H47" s="113"/>
      <c r="I47" s="114"/>
    </row>
    <row r="48" spans="1:10" s="4" customFormat="1" ht="24.95" customHeight="1" x14ac:dyDescent="0.25">
      <c r="A48" s="181" t="s">
        <v>173</v>
      </c>
      <c r="B48" s="179" t="s">
        <v>177</v>
      </c>
      <c r="C48" s="89" t="s">
        <v>178</v>
      </c>
      <c r="D48" s="90">
        <v>1379</v>
      </c>
      <c r="E48" s="90">
        <v>8274</v>
      </c>
      <c r="F48" s="89"/>
      <c r="G48" s="47"/>
      <c r="H48" s="113"/>
      <c r="I48" s="114"/>
    </row>
    <row r="49" spans="1:9" s="4" customFormat="1" ht="24.95" customHeight="1" x14ac:dyDescent="0.25">
      <c r="A49" s="182"/>
      <c r="B49" s="180"/>
      <c r="C49" s="89" t="s">
        <v>181</v>
      </c>
      <c r="D49" s="90">
        <v>200</v>
      </c>
      <c r="E49" s="90">
        <v>1200</v>
      </c>
      <c r="F49" s="89"/>
      <c r="G49" s="47"/>
      <c r="H49" s="113"/>
      <c r="I49" s="114"/>
    </row>
    <row r="50" spans="1:9" s="4" customFormat="1" ht="24.95" customHeight="1" x14ac:dyDescent="0.25">
      <c r="A50" s="77" t="s">
        <v>182</v>
      </c>
      <c r="B50" s="31" t="s">
        <v>183</v>
      </c>
      <c r="C50" s="31" t="s">
        <v>184</v>
      </c>
      <c r="D50" s="31">
        <v>0</v>
      </c>
      <c r="E50" s="31">
        <v>0.1</v>
      </c>
      <c r="F50" s="31"/>
      <c r="G50" s="47"/>
      <c r="H50" s="79"/>
      <c r="I50" s="78"/>
    </row>
    <row r="51" spans="1:9" s="4" customFormat="1" ht="24.95" customHeight="1" x14ac:dyDescent="0.25">
      <c r="A51" s="77" t="s">
        <v>186</v>
      </c>
      <c r="B51" s="31" t="s">
        <v>187</v>
      </c>
      <c r="C51" s="31" t="s">
        <v>184</v>
      </c>
      <c r="D51" s="31"/>
      <c r="E51" s="31"/>
      <c r="F51" s="31">
        <v>0.1</v>
      </c>
      <c r="G51" s="47"/>
      <c r="H51" s="79"/>
      <c r="I51" s="78"/>
    </row>
    <row r="52" spans="1:9" s="4" customFormat="1" ht="24.95" customHeight="1" x14ac:dyDescent="0.25">
      <c r="A52" s="77" t="s">
        <v>185</v>
      </c>
      <c r="B52" s="31" t="s">
        <v>188</v>
      </c>
      <c r="C52" s="31" t="s">
        <v>168</v>
      </c>
      <c r="D52" s="31">
        <v>100</v>
      </c>
      <c r="E52" s="31"/>
      <c r="F52" s="31"/>
      <c r="G52" s="47"/>
      <c r="H52" s="79"/>
      <c r="I52" s="78"/>
    </row>
    <row r="53" spans="1:9" s="4" customFormat="1" ht="24.95" customHeight="1" x14ac:dyDescent="0.25">
      <c r="A53" s="77" t="s">
        <v>192</v>
      </c>
      <c r="B53" s="31" t="s">
        <v>189</v>
      </c>
      <c r="C53" s="31" t="s">
        <v>168</v>
      </c>
      <c r="D53" s="31">
        <v>1</v>
      </c>
      <c r="E53" s="31">
        <v>2</v>
      </c>
      <c r="F53" s="31"/>
      <c r="G53" s="47"/>
      <c r="H53" s="79"/>
      <c r="I53" s="78"/>
    </row>
    <row r="54" spans="1:9" s="4" customFormat="1" ht="24.95" customHeight="1" x14ac:dyDescent="0.25">
      <c r="A54" s="171" t="s">
        <v>76</v>
      </c>
      <c r="B54" s="111" t="s">
        <v>190</v>
      </c>
      <c r="C54" s="31" t="s">
        <v>191</v>
      </c>
      <c r="D54" s="31">
        <v>100</v>
      </c>
      <c r="E54" s="31">
        <v>240</v>
      </c>
      <c r="F54" s="31"/>
      <c r="G54" s="47"/>
      <c r="H54" s="79"/>
      <c r="I54" s="78"/>
    </row>
    <row r="55" spans="1:9" s="4" customFormat="1" ht="24.95" customHeight="1" x14ac:dyDescent="0.25">
      <c r="A55" s="172"/>
      <c r="B55" s="112"/>
      <c r="C55" s="31" t="s">
        <v>193</v>
      </c>
      <c r="D55" s="31"/>
      <c r="E55" s="31">
        <v>6.3</v>
      </c>
      <c r="F55" s="31"/>
      <c r="G55" s="47"/>
      <c r="H55" s="79"/>
      <c r="I55" s="78"/>
    </row>
    <row r="56" spans="1:9" s="4" customFormat="1" ht="24.95" customHeight="1" x14ac:dyDescent="0.25">
      <c r="A56" s="49" t="s">
        <v>77</v>
      </c>
      <c r="B56" s="104" t="s">
        <v>194</v>
      </c>
      <c r="C56" s="105"/>
      <c r="D56" s="105"/>
      <c r="E56" s="105"/>
      <c r="F56" s="106"/>
      <c r="G56" s="47"/>
      <c r="H56" s="79"/>
      <c r="I56" s="78"/>
    </row>
    <row r="57" spans="1:9" s="4" customFormat="1" ht="24.95" customHeight="1" x14ac:dyDescent="0.25">
      <c r="A57" s="49" t="s">
        <v>79</v>
      </c>
      <c r="B57" s="31" t="s">
        <v>195</v>
      </c>
      <c r="C57" s="31" t="s">
        <v>196</v>
      </c>
      <c r="D57" s="31">
        <v>3.7</v>
      </c>
      <c r="E57" s="31"/>
      <c r="F57" s="31"/>
      <c r="G57" s="47"/>
      <c r="H57" s="79"/>
      <c r="I57" s="78"/>
    </row>
    <row r="58" spans="1:9" s="4" customFormat="1" ht="24.95" customHeight="1" x14ac:dyDescent="0.25">
      <c r="A58" s="49" t="s">
        <v>81</v>
      </c>
      <c r="B58" s="104" t="s">
        <v>197</v>
      </c>
      <c r="C58" s="105"/>
      <c r="D58" s="105"/>
      <c r="E58" s="105"/>
      <c r="F58" s="105"/>
      <c r="G58" s="105"/>
      <c r="H58" s="105"/>
      <c r="I58" s="110"/>
    </row>
    <row r="59" spans="1:9" s="4" customFormat="1" ht="24.95" customHeight="1" x14ac:dyDescent="0.25">
      <c r="A59" s="77" t="s">
        <v>198</v>
      </c>
      <c r="B59" s="31" t="s">
        <v>190</v>
      </c>
      <c r="C59" s="31" t="s">
        <v>199</v>
      </c>
      <c r="D59" s="31"/>
      <c r="E59" s="31">
        <v>5.5</v>
      </c>
      <c r="F59" s="31"/>
      <c r="G59" s="47"/>
      <c r="H59" s="113"/>
      <c r="I59" s="114"/>
    </row>
    <row r="60" spans="1:9" s="4" customFormat="1" ht="24.95" customHeight="1" x14ac:dyDescent="0.25">
      <c r="A60" s="77" t="s">
        <v>200</v>
      </c>
      <c r="B60" s="31" t="s">
        <v>201</v>
      </c>
      <c r="C60" s="31" t="s">
        <v>199</v>
      </c>
      <c r="D60" s="31"/>
      <c r="E60" s="31">
        <v>3.2</v>
      </c>
      <c r="F60" s="31"/>
      <c r="G60" s="47"/>
      <c r="H60" s="113"/>
      <c r="I60" s="114"/>
    </row>
    <row r="61" spans="1:9" s="4" customFormat="1" ht="24.95" customHeight="1" x14ac:dyDescent="0.25">
      <c r="A61" s="77" t="s">
        <v>203</v>
      </c>
      <c r="B61" s="31" t="s">
        <v>202</v>
      </c>
      <c r="C61" s="31" t="s">
        <v>199</v>
      </c>
      <c r="D61" s="31"/>
      <c r="E61" s="31">
        <v>20.5</v>
      </c>
      <c r="F61" s="31"/>
      <c r="G61" s="47"/>
      <c r="H61" s="113"/>
      <c r="I61" s="114"/>
    </row>
    <row r="62" spans="1:9" s="4" customFormat="1" ht="24.95" customHeight="1" x14ac:dyDescent="0.25">
      <c r="A62" s="77" t="s">
        <v>204</v>
      </c>
      <c r="B62" s="31" t="s">
        <v>205</v>
      </c>
      <c r="C62" s="31" t="s">
        <v>199</v>
      </c>
      <c r="D62" s="31"/>
      <c r="E62" s="31">
        <v>0.7</v>
      </c>
      <c r="F62" s="31"/>
      <c r="G62" s="47"/>
      <c r="H62" s="113"/>
      <c r="I62" s="114"/>
    </row>
    <row r="63" spans="1:9" s="4" customFormat="1" ht="24.95" customHeight="1" x14ac:dyDescent="0.25">
      <c r="A63" s="77" t="s">
        <v>206</v>
      </c>
      <c r="B63" s="31" t="s">
        <v>207</v>
      </c>
      <c r="C63" s="31" t="s">
        <v>199</v>
      </c>
      <c r="D63" s="31"/>
      <c r="E63" s="31">
        <v>10</v>
      </c>
      <c r="F63" s="31"/>
      <c r="G63" s="47"/>
      <c r="H63" s="113"/>
      <c r="I63" s="114"/>
    </row>
    <row r="64" spans="1:9" s="4" customFormat="1" ht="24.95" customHeight="1" x14ac:dyDescent="0.25">
      <c r="A64" s="77" t="s">
        <v>83</v>
      </c>
      <c r="B64" s="104" t="s">
        <v>208</v>
      </c>
      <c r="C64" s="105"/>
      <c r="D64" s="105"/>
      <c r="E64" s="105"/>
      <c r="F64" s="105"/>
      <c r="G64" s="105"/>
      <c r="H64" s="105"/>
      <c r="I64" s="110"/>
    </row>
    <row r="65" spans="1:9" s="4" customFormat="1" ht="24.95" customHeight="1" x14ac:dyDescent="0.25">
      <c r="A65" s="77" t="s">
        <v>209</v>
      </c>
      <c r="B65" s="31" t="s">
        <v>210</v>
      </c>
      <c r="C65" s="31" t="s">
        <v>165</v>
      </c>
      <c r="D65" s="31"/>
      <c r="E65" s="31">
        <v>95</v>
      </c>
      <c r="F65" s="31"/>
      <c r="G65" s="47"/>
      <c r="H65" s="113"/>
      <c r="I65" s="114"/>
    </row>
    <row r="66" spans="1:9" s="4" customFormat="1" ht="24.95" customHeight="1" x14ac:dyDescent="0.25">
      <c r="A66" s="77" t="s">
        <v>211</v>
      </c>
      <c r="B66" s="31" t="s">
        <v>212</v>
      </c>
      <c r="C66" s="31" t="s">
        <v>165</v>
      </c>
      <c r="D66" s="31"/>
      <c r="E66" s="31">
        <v>64</v>
      </c>
      <c r="F66" s="31"/>
      <c r="G66" s="47"/>
      <c r="H66" s="113"/>
      <c r="I66" s="114"/>
    </row>
    <row r="67" spans="1:9" s="4" customFormat="1" ht="24.95" customHeight="1" x14ac:dyDescent="0.25">
      <c r="A67" s="49" t="s">
        <v>84</v>
      </c>
      <c r="B67" s="115" t="s">
        <v>229</v>
      </c>
      <c r="C67" s="116"/>
      <c r="D67" s="116"/>
      <c r="E67" s="116"/>
      <c r="F67" s="117"/>
      <c r="G67" s="47"/>
      <c r="H67" s="113"/>
      <c r="I67" s="114"/>
    </row>
    <row r="68" spans="1:9" s="4" customFormat="1" ht="24.95" customHeight="1" x14ac:dyDescent="0.25">
      <c r="A68" s="49" t="s">
        <v>138</v>
      </c>
      <c r="B68" s="104" t="s">
        <v>213</v>
      </c>
      <c r="C68" s="116"/>
      <c r="D68" s="116"/>
      <c r="E68" s="116"/>
      <c r="F68" s="117"/>
      <c r="G68" s="47"/>
      <c r="H68" s="113"/>
      <c r="I68" s="114"/>
    </row>
    <row r="69" spans="1:9" s="4" customFormat="1" ht="24.95" customHeight="1" x14ac:dyDescent="0.25">
      <c r="A69" s="49" t="s">
        <v>86</v>
      </c>
      <c r="B69" s="104" t="s">
        <v>214</v>
      </c>
      <c r="C69" s="116"/>
      <c r="D69" s="116"/>
      <c r="E69" s="116"/>
      <c r="F69" s="117"/>
      <c r="G69" s="47"/>
      <c r="H69" s="113"/>
      <c r="I69" s="114"/>
    </row>
    <row r="70" spans="1:9" s="4" customFormat="1" ht="24.95" customHeight="1" x14ac:dyDescent="0.25">
      <c r="A70" s="49" t="s">
        <v>90</v>
      </c>
      <c r="B70" s="104" t="s">
        <v>215</v>
      </c>
      <c r="C70" s="116"/>
      <c r="D70" s="116"/>
      <c r="E70" s="116"/>
      <c r="F70" s="117"/>
      <c r="G70" s="47"/>
      <c r="H70" s="113"/>
      <c r="I70" s="114"/>
    </row>
    <row r="71" spans="1:9" s="4" customFormat="1" ht="24.95" customHeight="1" x14ac:dyDescent="0.25">
      <c r="A71" s="49" t="s">
        <v>92</v>
      </c>
      <c r="B71" s="86" t="s">
        <v>216</v>
      </c>
      <c r="C71" s="87"/>
      <c r="D71" s="87"/>
      <c r="E71" s="87"/>
      <c r="F71" s="88"/>
      <c r="G71" s="47"/>
      <c r="H71" s="113"/>
      <c r="I71" s="114"/>
    </row>
    <row r="72" spans="1:9" s="4" customFormat="1" ht="24.95" customHeight="1" x14ac:dyDescent="0.25">
      <c r="A72" s="49" t="s">
        <v>104</v>
      </c>
      <c r="B72" s="104" t="s">
        <v>217</v>
      </c>
      <c r="C72" s="116"/>
      <c r="D72" s="116"/>
      <c r="E72" s="116"/>
      <c r="F72" s="117"/>
      <c r="G72" s="47"/>
      <c r="H72" s="113"/>
      <c r="I72" s="114"/>
    </row>
    <row r="73" spans="1:9" s="3" customFormat="1" ht="5.0999999999999996" customHeight="1" x14ac:dyDescent="0.25">
      <c r="A73" s="5"/>
      <c r="B73" s="5"/>
      <c r="C73" s="5"/>
      <c r="D73" s="5"/>
      <c r="E73" s="5"/>
      <c r="F73" s="5"/>
      <c r="G73" s="7"/>
      <c r="H73" s="7"/>
      <c r="I73" s="30"/>
    </row>
    <row r="74" spans="1:9" s="2" customFormat="1" ht="20.100000000000001" customHeight="1" x14ac:dyDescent="0.25">
      <c r="A74" s="143" t="s">
        <v>48</v>
      </c>
      <c r="B74" s="143"/>
      <c r="C74" s="143"/>
      <c r="D74" s="143"/>
      <c r="E74" s="143"/>
      <c r="F74" s="143"/>
      <c r="G74" s="143"/>
      <c r="H74" s="143"/>
      <c r="I74" s="143"/>
    </row>
    <row r="75" spans="1:9" s="2" customFormat="1" ht="5.0999999999999996" customHeight="1" thickBot="1" x14ac:dyDescent="0.3">
      <c r="A75" s="18"/>
      <c r="G75" s="6"/>
      <c r="H75" s="6"/>
      <c r="I75" s="6"/>
    </row>
    <row r="76" spans="1:9" s="3" customFormat="1" ht="69" customHeight="1" x14ac:dyDescent="0.25">
      <c r="A76" s="148" t="s">
        <v>7</v>
      </c>
      <c r="B76" s="149"/>
      <c r="C76" s="91"/>
      <c r="D76" s="91"/>
      <c r="E76" s="91"/>
      <c r="F76" s="91"/>
      <c r="G76" s="152" t="s">
        <v>30</v>
      </c>
      <c r="H76" s="153"/>
      <c r="I76" s="154"/>
    </row>
    <row r="77" spans="1:9" s="3" customFormat="1" ht="30" customHeight="1" thickBot="1" x14ac:dyDescent="0.3">
      <c r="A77" s="150"/>
      <c r="B77" s="151"/>
      <c r="C77" s="92"/>
      <c r="D77" s="92"/>
      <c r="E77" s="92"/>
      <c r="F77" s="92"/>
      <c r="G77" s="28" t="s">
        <v>6</v>
      </c>
      <c r="H77" s="173" t="s">
        <v>31</v>
      </c>
      <c r="I77" s="174"/>
    </row>
    <row r="78" spans="1:9" s="2" customFormat="1" ht="24.95" customHeight="1" x14ac:dyDescent="0.25">
      <c r="A78" s="74" t="s">
        <v>15</v>
      </c>
      <c r="B78" s="125" t="s">
        <v>59</v>
      </c>
      <c r="C78" s="126"/>
      <c r="D78" s="126"/>
      <c r="E78" s="126"/>
      <c r="F78" s="127"/>
      <c r="G78" s="46"/>
      <c r="H78" s="175"/>
      <c r="I78" s="176"/>
    </row>
    <row r="79" spans="1:9" s="2" customFormat="1" ht="24.95" customHeight="1" x14ac:dyDescent="0.25">
      <c r="A79" s="60" t="s">
        <v>60</v>
      </c>
      <c r="B79" s="128" t="s">
        <v>61</v>
      </c>
      <c r="C79" s="129"/>
      <c r="D79" s="129"/>
      <c r="E79" s="129"/>
      <c r="F79" s="130"/>
      <c r="G79" s="47"/>
      <c r="H79" s="118"/>
      <c r="I79" s="119"/>
    </row>
    <row r="80" spans="1:9" s="2" customFormat="1" ht="27" customHeight="1" x14ac:dyDescent="0.25">
      <c r="A80" s="13" t="s">
        <v>62</v>
      </c>
      <c r="B80" s="131" t="s">
        <v>63</v>
      </c>
      <c r="C80" s="132"/>
      <c r="D80" s="132"/>
      <c r="E80" s="132"/>
      <c r="F80" s="133"/>
      <c r="G80" s="47"/>
      <c r="H80" s="118"/>
      <c r="I80" s="119"/>
    </row>
    <row r="81" spans="1:9" s="2" customFormat="1" ht="24.95" customHeight="1" x14ac:dyDescent="0.25">
      <c r="A81" s="13" t="s">
        <v>64</v>
      </c>
      <c r="B81" s="131" t="s">
        <v>65</v>
      </c>
      <c r="C81" s="132"/>
      <c r="D81" s="132"/>
      <c r="E81" s="132"/>
      <c r="F81" s="133"/>
      <c r="G81" s="47"/>
      <c r="H81" s="118"/>
      <c r="I81" s="119"/>
    </row>
    <row r="82" spans="1:9" s="2" customFormat="1" ht="24.95" customHeight="1" x14ac:dyDescent="0.25">
      <c r="A82" s="13" t="s">
        <v>66</v>
      </c>
      <c r="B82" s="131" t="s">
        <v>67</v>
      </c>
      <c r="C82" s="132"/>
      <c r="D82" s="132"/>
      <c r="E82" s="132"/>
      <c r="F82" s="133"/>
      <c r="G82" s="47"/>
      <c r="H82" s="118"/>
      <c r="I82" s="119"/>
    </row>
    <row r="83" spans="1:9" s="2" customFormat="1" ht="30.75" customHeight="1" x14ac:dyDescent="0.25">
      <c r="A83" s="13" t="s">
        <v>68</v>
      </c>
      <c r="B83" s="131" t="s">
        <v>69</v>
      </c>
      <c r="C83" s="132"/>
      <c r="D83" s="132"/>
      <c r="E83" s="132"/>
      <c r="F83" s="133"/>
      <c r="G83" s="47"/>
      <c r="H83" s="118"/>
      <c r="I83" s="119"/>
    </row>
    <row r="84" spans="1:9" s="2" customFormat="1" ht="30" customHeight="1" x14ac:dyDescent="0.25">
      <c r="A84" s="13" t="s">
        <v>70</v>
      </c>
      <c r="B84" s="131" t="s">
        <v>71</v>
      </c>
      <c r="C84" s="132"/>
      <c r="D84" s="132"/>
      <c r="E84" s="132"/>
      <c r="F84" s="133"/>
      <c r="G84" s="47"/>
      <c r="H84" s="118"/>
      <c r="I84" s="119"/>
    </row>
    <row r="85" spans="1:9" s="2" customFormat="1" ht="96.75" customHeight="1" x14ac:dyDescent="0.25">
      <c r="A85" s="56" t="s">
        <v>72</v>
      </c>
      <c r="B85" s="134" t="s">
        <v>73</v>
      </c>
      <c r="C85" s="135"/>
      <c r="D85" s="135"/>
      <c r="E85" s="135"/>
      <c r="F85" s="136"/>
      <c r="G85" s="47"/>
      <c r="H85" s="118"/>
      <c r="I85" s="119"/>
    </row>
    <row r="86" spans="1:9" s="2" customFormat="1" ht="30" customHeight="1" x14ac:dyDescent="0.25">
      <c r="A86" s="57" t="s">
        <v>74</v>
      </c>
      <c r="B86" s="104" t="s">
        <v>75</v>
      </c>
      <c r="C86" s="105"/>
      <c r="D86" s="105"/>
      <c r="E86" s="105"/>
      <c r="F86" s="106"/>
      <c r="G86" s="47"/>
      <c r="H86" s="118"/>
      <c r="I86" s="119"/>
    </row>
    <row r="87" spans="1:9" s="2" customFormat="1" ht="60" customHeight="1" x14ac:dyDescent="0.25">
      <c r="A87" s="58" t="s">
        <v>76</v>
      </c>
      <c r="B87" s="104" t="s">
        <v>159</v>
      </c>
      <c r="C87" s="105"/>
      <c r="D87" s="105"/>
      <c r="E87" s="105"/>
      <c r="F87" s="106"/>
      <c r="G87" s="47"/>
      <c r="H87" s="118"/>
      <c r="I87" s="119"/>
    </row>
    <row r="88" spans="1:9" s="2" customFormat="1" ht="45" customHeight="1" x14ac:dyDescent="0.25">
      <c r="A88" s="57" t="s">
        <v>77</v>
      </c>
      <c r="B88" s="104" t="s">
        <v>78</v>
      </c>
      <c r="C88" s="105"/>
      <c r="D88" s="105"/>
      <c r="E88" s="105"/>
      <c r="F88" s="106"/>
      <c r="G88" s="47"/>
      <c r="H88" s="118"/>
      <c r="I88" s="119"/>
    </row>
    <row r="89" spans="1:9" s="2" customFormat="1" ht="45" customHeight="1" x14ac:dyDescent="0.25">
      <c r="A89" s="57" t="s">
        <v>79</v>
      </c>
      <c r="B89" s="104" t="s">
        <v>80</v>
      </c>
      <c r="C89" s="105"/>
      <c r="D89" s="105"/>
      <c r="E89" s="105"/>
      <c r="F89" s="106"/>
      <c r="G89" s="47"/>
      <c r="H89" s="118"/>
      <c r="I89" s="119"/>
    </row>
    <row r="90" spans="1:9" s="2" customFormat="1" ht="38.25" customHeight="1" x14ac:dyDescent="0.25">
      <c r="A90" s="57" t="s">
        <v>81</v>
      </c>
      <c r="B90" s="104" t="s">
        <v>82</v>
      </c>
      <c r="C90" s="105"/>
      <c r="D90" s="105"/>
      <c r="E90" s="105"/>
      <c r="F90" s="106"/>
      <c r="G90" s="47"/>
      <c r="H90" s="118"/>
      <c r="I90" s="119"/>
    </row>
    <row r="91" spans="1:9" s="2" customFormat="1" ht="45" customHeight="1" x14ac:dyDescent="0.25">
      <c r="A91" s="57" t="s">
        <v>83</v>
      </c>
      <c r="B91" s="104" t="s">
        <v>219</v>
      </c>
      <c r="C91" s="105"/>
      <c r="D91" s="105"/>
      <c r="E91" s="105"/>
      <c r="F91" s="106"/>
      <c r="G91" s="47"/>
      <c r="H91" s="118"/>
      <c r="I91" s="119"/>
    </row>
    <row r="92" spans="1:9" s="2" customFormat="1" ht="38.25" customHeight="1" x14ac:dyDescent="0.25">
      <c r="A92" s="58" t="s">
        <v>84</v>
      </c>
      <c r="B92" s="104" t="s">
        <v>220</v>
      </c>
      <c r="C92" s="105"/>
      <c r="D92" s="105"/>
      <c r="E92" s="105"/>
      <c r="F92" s="106"/>
      <c r="G92" s="47"/>
      <c r="H92" s="118"/>
      <c r="I92" s="119"/>
    </row>
    <row r="93" spans="1:9" s="9" customFormat="1" ht="38.25" customHeight="1" x14ac:dyDescent="0.25">
      <c r="A93" s="58" t="s">
        <v>138</v>
      </c>
      <c r="B93" s="104" t="s">
        <v>221</v>
      </c>
      <c r="C93" s="105"/>
      <c r="D93" s="105"/>
      <c r="E93" s="105"/>
      <c r="F93" s="106"/>
      <c r="G93" s="82"/>
      <c r="H93" s="118"/>
      <c r="I93" s="119"/>
    </row>
    <row r="94" spans="1:9" s="2" customFormat="1" ht="70.5" customHeight="1" x14ac:dyDescent="0.25">
      <c r="A94" s="59" t="s">
        <v>86</v>
      </c>
      <c r="B94" s="104" t="s">
        <v>85</v>
      </c>
      <c r="C94" s="105"/>
      <c r="D94" s="105"/>
      <c r="E94" s="105"/>
      <c r="F94" s="106"/>
      <c r="G94" s="47"/>
      <c r="H94" s="118"/>
      <c r="I94" s="119"/>
    </row>
    <row r="95" spans="1:9" s="2" customFormat="1" ht="77.25" customHeight="1" x14ac:dyDescent="0.25">
      <c r="A95" s="60" t="s">
        <v>90</v>
      </c>
      <c r="B95" s="128" t="s">
        <v>87</v>
      </c>
      <c r="C95" s="129"/>
      <c r="D95" s="129"/>
      <c r="E95" s="129"/>
      <c r="F95" s="130"/>
      <c r="G95" s="47"/>
      <c r="H95" s="118"/>
      <c r="I95" s="119"/>
    </row>
    <row r="96" spans="1:9" s="2" customFormat="1" ht="45.75" customHeight="1" x14ac:dyDescent="0.25">
      <c r="A96" s="13" t="s">
        <v>141</v>
      </c>
      <c r="B96" s="131" t="s">
        <v>88</v>
      </c>
      <c r="C96" s="132"/>
      <c r="D96" s="132"/>
      <c r="E96" s="132"/>
      <c r="F96" s="133"/>
      <c r="G96" s="47"/>
      <c r="H96" s="118"/>
      <c r="I96" s="119"/>
    </row>
    <row r="97" spans="1:9" s="2" customFormat="1" ht="45" customHeight="1" x14ac:dyDescent="0.25">
      <c r="A97" s="56" t="s">
        <v>142</v>
      </c>
      <c r="B97" s="134" t="s">
        <v>89</v>
      </c>
      <c r="C97" s="135"/>
      <c r="D97" s="135"/>
      <c r="E97" s="135"/>
      <c r="F97" s="136"/>
      <c r="G97" s="47"/>
      <c r="H97" s="118"/>
      <c r="I97" s="119"/>
    </row>
    <row r="98" spans="1:9" s="2" customFormat="1" ht="58.5" customHeight="1" x14ac:dyDescent="0.25">
      <c r="A98" s="58" t="s">
        <v>92</v>
      </c>
      <c r="B98" s="104" t="s">
        <v>91</v>
      </c>
      <c r="C98" s="105"/>
      <c r="D98" s="105"/>
      <c r="E98" s="105"/>
      <c r="F98" s="106"/>
      <c r="G98" s="47"/>
      <c r="H98" s="118"/>
      <c r="I98" s="119"/>
    </row>
    <row r="99" spans="1:9" s="2" customFormat="1" ht="60" customHeight="1" x14ac:dyDescent="0.25">
      <c r="A99" s="55" t="s">
        <v>104</v>
      </c>
      <c r="B99" s="138" t="s">
        <v>93</v>
      </c>
      <c r="C99" s="139"/>
      <c r="D99" s="139"/>
      <c r="E99" s="139"/>
      <c r="F99" s="140"/>
      <c r="G99" s="47"/>
      <c r="H99" s="118"/>
      <c r="I99" s="119"/>
    </row>
    <row r="100" spans="1:9" s="2" customFormat="1" ht="30" customHeight="1" x14ac:dyDescent="0.25">
      <c r="A100" s="13" t="s">
        <v>143</v>
      </c>
      <c r="B100" s="131" t="s">
        <v>94</v>
      </c>
      <c r="C100" s="132"/>
      <c r="D100" s="132"/>
      <c r="E100" s="132"/>
      <c r="F100" s="133"/>
      <c r="G100" s="47"/>
      <c r="H100" s="118"/>
      <c r="I100" s="119"/>
    </row>
    <row r="101" spans="1:9" s="2" customFormat="1" ht="30" customHeight="1" x14ac:dyDescent="0.25">
      <c r="A101" s="13" t="s">
        <v>144</v>
      </c>
      <c r="B101" s="131" t="s">
        <v>95</v>
      </c>
      <c r="C101" s="132"/>
      <c r="D101" s="132"/>
      <c r="E101" s="132"/>
      <c r="F101" s="133"/>
      <c r="G101" s="47"/>
      <c r="H101" s="118"/>
      <c r="I101" s="119"/>
    </row>
    <row r="102" spans="1:9" s="2" customFormat="1" ht="41.25" customHeight="1" x14ac:dyDescent="0.25">
      <c r="A102" s="13" t="s">
        <v>145</v>
      </c>
      <c r="B102" s="131" t="s">
        <v>96</v>
      </c>
      <c r="C102" s="132"/>
      <c r="D102" s="132"/>
      <c r="E102" s="132"/>
      <c r="F102" s="133"/>
      <c r="G102" s="47"/>
      <c r="H102" s="118"/>
      <c r="I102" s="119"/>
    </row>
    <row r="103" spans="1:9" s="2" customFormat="1" ht="31.5" customHeight="1" x14ac:dyDescent="0.25">
      <c r="A103" s="13" t="s">
        <v>146</v>
      </c>
      <c r="B103" s="131" t="s">
        <v>97</v>
      </c>
      <c r="C103" s="132"/>
      <c r="D103" s="132"/>
      <c r="E103" s="132"/>
      <c r="F103" s="133"/>
      <c r="G103" s="47"/>
      <c r="H103" s="118"/>
      <c r="I103" s="119"/>
    </row>
    <row r="104" spans="1:9" s="2" customFormat="1" ht="30" customHeight="1" x14ac:dyDescent="0.25">
      <c r="A104" s="13" t="s">
        <v>147</v>
      </c>
      <c r="B104" s="131" t="s">
        <v>98</v>
      </c>
      <c r="C104" s="132"/>
      <c r="D104" s="132"/>
      <c r="E104" s="132"/>
      <c r="F104" s="133"/>
      <c r="G104" s="47"/>
      <c r="H104" s="118"/>
      <c r="I104" s="119"/>
    </row>
    <row r="105" spans="1:9" s="2" customFormat="1" ht="42.75" customHeight="1" x14ac:dyDescent="0.25">
      <c r="A105" s="13" t="s">
        <v>148</v>
      </c>
      <c r="B105" s="131" t="s">
        <v>99</v>
      </c>
      <c r="C105" s="132"/>
      <c r="D105" s="132"/>
      <c r="E105" s="132"/>
      <c r="F105" s="133"/>
      <c r="G105" s="47"/>
      <c r="H105" s="118"/>
      <c r="I105" s="119"/>
    </row>
    <row r="106" spans="1:9" s="2" customFormat="1" ht="25.5" customHeight="1" x14ac:dyDescent="0.25">
      <c r="A106" s="13" t="s">
        <v>149</v>
      </c>
      <c r="B106" s="131" t="s">
        <v>100</v>
      </c>
      <c r="C106" s="132"/>
      <c r="D106" s="132"/>
      <c r="E106" s="132"/>
      <c r="F106" s="133"/>
      <c r="G106" s="47"/>
      <c r="H106" s="118"/>
      <c r="I106" s="119"/>
    </row>
    <row r="107" spans="1:9" s="2" customFormat="1" ht="25.5" customHeight="1" x14ac:dyDescent="0.25">
      <c r="A107" s="13" t="s">
        <v>150</v>
      </c>
      <c r="B107" s="131" t="s">
        <v>101</v>
      </c>
      <c r="C107" s="132"/>
      <c r="D107" s="132"/>
      <c r="E107" s="132"/>
      <c r="F107" s="133"/>
      <c r="G107" s="47"/>
      <c r="H107" s="118"/>
      <c r="I107" s="119"/>
    </row>
    <row r="108" spans="1:9" s="2" customFormat="1" ht="31.5" customHeight="1" x14ac:dyDescent="0.25">
      <c r="A108" s="13" t="s">
        <v>151</v>
      </c>
      <c r="B108" s="131" t="s">
        <v>102</v>
      </c>
      <c r="C108" s="132"/>
      <c r="D108" s="132"/>
      <c r="E108" s="132"/>
      <c r="F108" s="133"/>
      <c r="G108" s="47"/>
      <c r="H108" s="118"/>
      <c r="I108" s="119"/>
    </row>
    <row r="109" spans="1:9" s="2" customFormat="1" ht="31.5" customHeight="1" x14ac:dyDescent="0.25">
      <c r="A109" s="61" t="s">
        <v>152</v>
      </c>
      <c r="B109" s="134" t="s">
        <v>103</v>
      </c>
      <c r="C109" s="135"/>
      <c r="D109" s="135"/>
      <c r="E109" s="135"/>
      <c r="F109" s="136"/>
      <c r="G109" s="47"/>
      <c r="H109" s="118"/>
      <c r="I109" s="119"/>
    </row>
    <row r="110" spans="1:9" s="2" customFormat="1" ht="84" customHeight="1" x14ac:dyDescent="0.25">
      <c r="A110" s="58" t="s">
        <v>106</v>
      </c>
      <c r="B110" s="104" t="s">
        <v>105</v>
      </c>
      <c r="C110" s="105"/>
      <c r="D110" s="105"/>
      <c r="E110" s="105"/>
      <c r="F110" s="106"/>
      <c r="G110" s="47"/>
      <c r="H110" s="118"/>
      <c r="I110" s="119"/>
    </row>
    <row r="111" spans="1:9" s="2" customFormat="1" ht="69.75" customHeight="1" x14ac:dyDescent="0.25">
      <c r="A111" s="58" t="s">
        <v>108</v>
      </c>
      <c r="B111" s="104" t="s">
        <v>107</v>
      </c>
      <c r="C111" s="105"/>
      <c r="D111" s="105"/>
      <c r="E111" s="105"/>
      <c r="F111" s="106"/>
      <c r="G111" s="47"/>
      <c r="H111" s="118"/>
      <c r="I111" s="119"/>
    </row>
    <row r="112" spans="1:9" s="2" customFormat="1" ht="45" customHeight="1" x14ac:dyDescent="0.25">
      <c r="A112" s="62" t="s">
        <v>111</v>
      </c>
      <c r="B112" s="128" t="s">
        <v>109</v>
      </c>
      <c r="C112" s="129"/>
      <c r="D112" s="129"/>
      <c r="E112" s="129"/>
      <c r="F112" s="130"/>
      <c r="G112" s="47"/>
      <c r="H112" s="118"/>
      <c r="I112" s="119"/>
    </row>
    <row r="113" spans="1:9" s="2" customFormat="1" ht="60" customHeight="1" x14ac:dyDescent="0.25">
      <c r="A113" s="56" t="s">
        <v>153</v>
      </c>
      <c r="B113" s="134" t="s">
        <v>110</v>
      </c>
      <c r="C113" s="135"/>
      <c r="D113" s="135"/>
      <c r="E113" s="135"/>
      <c r="F113" s="136"/>
      <c r="G113" s="47"/>
      <c r="H113" s="118"/>
      <c r="I113" s="119"/>
    </row>
    <row r="114" spans="1:9" s="2" customFormat="1" ht="25.5" customHeight="1" x14ac:dyDescent="0.25">
      <c r="A114" s="55" t="s">
        <v>115</v>
      </c>
      <c r="B114" s="128" t="s">
        <v>112</v>
      </c>
      <c r="C114" s="129"/>
      <c r="D114" s="129"/>
      <c r="E114" s="129"/>
      <c r="F114" s="130"/>
      <c r="G114" s="47"/>
      <c r="H114" s="200"/>
      <c r="I114" s="201"/>
    </row>
    <row r="115" spans="1:9" s="2" customFormat="1" ht="25.5" customHeight="1" x14ac:dyDescent="0.25">
      <c r="A115" s="13" t="s">
        <v>154</v>
      </c>
      <c r="B115" s="131" t="s">
        <v>113</v>
      </c>
      <c r="C115" s="132"/>
      <c r="D115" s="132"/>
      <c r="E115" s="132"/>
      <c r="F115" s="133"/>
      <c r="G115" s="47"/>
      <c r="H115" s="118"/>
      <c r="I115" s="119"/>
    </row>
    <row r="116" spans="1:9" s="2" customFormat="1" ht="25.5" customHeight="1" x14ac:dyDescent="0.25">
      <c r="A116" s="63" t="s">
        <v>155</v>
      </c>
      <c r="B116" s="134" t="s">
        <v>114</v>
      </c>
      <c r="C116" s="135"/>
      <c r="D116" s="135"/>
      <c r="E116" s="135"/>
      <c r="F116" s="136"/>
      <c r="G116" s="47"/>
      <c r="H116" s="118"/>
      <c r="I116" s="119"/>
    </row>
    <row r="117" spans="1:9" s="2" customFormat="1" ht="40.5" customHeight="1" x14ac:dyDescent="0.25">
      <c r="A117" s="60" t="s">
        <v>119</v>
      </c>
      <c r="B117" s="128" t="s">
        <v>116</v>
      </c>
      <c r="C117" s="129"/>
      <c r="D117" s="129"/>
      <c r="E117" s="129"/>
      <c r="F117" s="130"/>
      <c r="G117" s="47"/>
      <c r="H117" s="118"/>
      <c r="I117" s="119"/>
    </row>
    <row r="118" spans="1:9" s="2" customFormat="1" ht="40.5" customHeight="1" x14ac:dyDescent="0.25">
      <c r="A118" s="13" t="s">
        <v>156</v>
      </c>
      <c r="B118" s="131" t="s">
        <v>117</v>
      </c>
      <c r="C118" s="132"/>
      <c r="D118" s="132"/>
      <c r="E118" s="132"/>
      <c r="F118" s="133"/>
      <c r="G118" s="47"/>
      <c r="H118" s="118"/>
      <c r="I118" s="119"/>
    </row>
    <row r="119" spans="1:9" s="2" customFormat="1" ht="30" customHeight="1" x14ac:dyDescent="0.25">
      <c r="A119" s="56" t="s">
        <v>157</v>
      </c>
      <c r="B119" s="134" t="s">
        <v>118</v>
      </c>
      <c r="C119" s="135"/>
      <c r="D119" s="135"/>
      <c r="E119" s="135"/>
      <c r="F119" s="136"/>
      <c r="G119" s="47"/>
      <c r="H119" s="118"/>
      <c r="I119" s="119"/>
    </row>
    <row r="120" spans="1:9" s="2" customFormat="1" ht="30" customHeight="1" x14ac:dyDescent="0.25">
      <c r="A120" s="58" t="s">
        <v>121</v>
      </c>
      <c r="B120" s="104" t="s">
        <v>120</v>
      </c>
      <c r="C120" s="105"/>
      <c r="D120" s="105"/>
      <c r="E120" s="105"/>
      <c r="F120" s="106"/>
      <c r="G120" s="47"/>
      <c r="H120" s="188"/>
      <c r="I120" s="189"/>
    </row>
    <row r="121" spans="1:9" s="2" customFormat="1" ht="93.75" customHeight="1" x14ac:dyDescent="0.25">
      <c r="A121" s="64" t="s">
        <v>123</v>
      </c>
      <c r="B121" s="104" t="s">
        <v>122</v>
      </c>
      <c r="C121" s="105"/>
      <c r="D121" s="105"/>
      <c r="E121" s="105"/>
      <c r="F121" s="106"/>
      <c r="G121" s="47"/>
      <c r="H121" s="188"/>
      <c r="I121" s="189"/>
    </row>
    <row r="122" spans="1:9" s="2" customFormat="1" ht="47.25" customHeight="1" x14ac:dyDescent="0.25">
      <c r="A122" s="14" t="s">
        <v>125</v>
      </c>
      <c r="B122" s="104" t="s">
        <v>124</v>
      </c>
      <c r="C122" s="105"/>
      <c r="D122" s="105"/>
      <c r="E122" s="105"/>
      <c r="F122" s="106"/>
      <c r="G122" s="47"/>
      <c r="H122" s="188"/>
      <c r="I122" s="189"/>
    </row>
    <row r="123" spans="1:9" s="2" customFormat="1" ht="66" customHeight="1" x14ac:dyDescent="0.25">
      <c r="A123" s="58" t="s">
        <v>127</v>
      </c>
      <c r="B123" s="104" t="s">
        <v>126</v>
      </c>
      <c r="C123" s="105"/>
      <c r="D123" s="105"/>
      <c r="E123" s="105"/>
      <c r="F123" s="106"/>
      <c r="G123" s="47"/>
      <c r="H123" s="188"/>
      <c r="I123" s="189"/>
    </row>
    <row r="124" spans="1:9" s="2" customFormat="1" ht="70.5" customHeight="1" x14ac:dyDescent="0.25">
      <c r="A124" s="58" t="s">
        <v>128</v>
      </c>
      <c r="B124" s="104" t="s">
        <v>222</v>
      </c>
      <c r="C124" s="105"/>
      <c r="D124" s="105"/>
      <c r="E124" s="105"/>
      <c r="F124" s="106"/>
      <c r="G124" s="47"/>
      <c r="H124" s="188"/>
      <c r="I124" s="189"/>
    </row>
    <row r="125" spans="1:9" s="2" customFormat="1" ht="50.25" customHeight="1" x14ac:dyDescent="0.25">
      <c r="A125" s="58" t="s">
        <v>130</v>
      </c>
      <c r="B125" s="104" t="s">
        <v>129</v>
      </c>
      <c r="C125" s="105"/>
      <c r="D125" s="105"/>
      <c r="E125" s="105"/>
      <c r="F125" s="106"/>
      <c r="G125" s="47"/>
      <c r="H125" s="188"/>
      <c r="I125" s="189"/>
    </row>
    <row r="126" spans="1:9" s="2" customFormat="1" ht="110.25" customHeight="1" x14ac:dyDescent="0.25">
      <c r="A126" s="62" t="s">
        <v>158</v>
      </c>
      <c r="B126" s="104" t="s">
        <v>223</v>
      </c>
      <c r="C126" s="105" t="s">
        <v>223</v>
      </c>
      <c r="D126" s="105" t="s">
        <v>223</v>
      </c>
      <c r="E126" s="105"/>
      <c r="F126" s="106"/>
      <c r="G126" s="93"/>
      <c r="H126" s="94"/>
      <c r="I126" s="95"/>
    </row>
    <row r="127" spans="1:9" s="2" customFormat="1" ht="54.75" customHeight="1" x14ac:dyDescent="0.25">
      <c r="A127" s="14" t="s">
        <v>226</v>
      </c>
      <c r="B127" s="104" t="s">
        <v>131</v>
      </c>
      <c r="C127" s="105"/>
      <c r="D127" s="105"/>
      <c r="E127" s="105"/>
      <c r="F127" s="106"/>
      <c r="G127" s="93"/>
      <c r="H127" s="94"/>
      <c r="I127" s="95"/>
    </row>
    <row r="128" spans="1:9" s="2" customFormat="1" ht="72" customHeight="1" thickBot="1" x14ac:dyDescent="0.3">
      <c r="A128" s="14" t="s">
        <v>227</v>
      </c>
      <c r="B128" s="104" t="s">
        <v>224</v>
      </c>
      <c r="C128" s="105"/>
      <c r="D128" s="105"/>
      <c r="E128" s="105"/>
      <c r="F128" s="106"/>
      <c r="G128" s="48"/>
      <c r="H128" s="190"/>
      <c r="I128" s="191"/>
    </row>
    <row r="129" spans="1:10" s="3" customFormat="1" ht="51" customHeight="1" thickBot="1" x14ac:dyDescent="0.3">
      <c r="A129" s="96" t="s">
        <v>228</v>
      </c>
      <c r="B129" s="192" t="s">
        <v>225</v>
      </c>
      <c r="C129" s="193"/>
      <c r="D129" s="193"/>
      <c r="E129" s="193"/>
      <c r="F129" s="194"/>
      <c r="G129" s="48"/>
      <c r="H129" s="99"/>
      <c r="I129" s="100"/>
    </row>
    <row r="130" spans="1:10" s="3" customFormat="1" ht="4.5" customHeight="1" x14ac:dyDescent="0.25">
      <c r="A130" s="97"/>
      <c r="B130" s="98"/>
      <c r="C130" s="98"/>
      <c r="D130" s="98"/>
      <c r="E130" s="98"/>
      <c r="F130" s="98"/>
      <c r="G130" s="7"/>
      <c r="H130" s="7"/>
      <c r="I130" s="30"/>
    </row>
    <row r="131" spans="1:10" s="2" customFormat="1" ht="20.100000000000001" customHeight="1" x14ac:dyDescent="0.25">
      <c r="A131" s="187" t="s">
        <v>55</v>
      </c>
      <c r="B131" s="187"/>
      <c r="C131" s="187"/>
      <c r="D131" s="187"/>
      <c r="E131" s="187"/>
      <c r="F131" s="187"/>
      <c r="G131" s="187"/>
      <c r="H131" s="187"/>
      <c r="I131" s="187"/>
      <c r="J131" s="141"/>
    </row>
    <row r="132" spans="1:10" s="2" customFormat="1" ht="4.5" customHeight="1" thickBot="1" x14ac:dyDescent="0.3">
      <c r="J132" s="141"/>
    </row>
    <row r="133" spans="1:10" s="2" customFormat="1" ht="80.25" customHeight="1" x14ac:dyDescent="0.25">
      <c r="A133" s="148" t="s">
        <v>56</v>
      </c>
      <c r="B133" s="149"/>
      <c r="C133" s="50"/>
      <c r="D133" s="50"/>
      <c r="E133" s="50"/>
      <c r="F133" s="50"/>
      <c r="G133" s="152" t="s">
        <v>57</v>
      </c>
      <c r="H133" s="153"/>
      <c r="I133" s="154"/>
      <c r="J133" s="141"/>
    </row>
    <row r="134" spans="1:10" s="3" customFormat="1" ht="29.25" customHeight="1" thickBot="1" x14ac:dyDescent="0.3">
      <c r="A134" s="150"/>
      <c r="B134" s="151"/>
      <c r="C134" s="51"/>
      <c r="D134" s="51"/>
      <c r="E134" s="51"/>
      <c r="F134" s="51"/>
      <c r="G134" s="28" t="s">
        <v>6</v>
      </c>
      <c r="H134" s="173" t="s">
        <v>31</v>
      </c>
      <c r="I134" s="174"/>
      <c r="J134" s="141"/>
    </row>
    <row r="135" spans="1:10" s="3" customFormat="1" ht="24.95" customHeight="1" thickBot="1" x14ac:dyDescent="0.3">
      <c r="A135" s="80" t="s">
        <v>32</v>
      </c>
      <c r="B135" s="122" t="s">
        <v>58</v>
      </c>
      <c r="C135" s="123"/>
      <c r="D135" s="123"/>
      <c r="E135" s="123"/>
      <c r="F135" s="124"/>
      <c r="G135" s="81"/>
      <c r="H135" s="195"/>
      <c r="I135" s="196"/>
      <c r="J135" s="141"/>
    </row>
    <row r="136" spans="1:10" s="2" customFormat="1" ht="5.0999999999999996" customHeight="1" x14ac:dyDescent="0.25">
      <c r="A136" s="5"/>
      <c r="B136" s="5"/>
      <c r="C136" s="5"/>
      <c r="D136" s="5"/>
      <c r="E136" s="5"/>
      <c r="F136" s="5"/>
      <c r="G136" s="7"/>
      <c r="H136" s="7"/>
      <c r="I136" s="30"/>
    </row>
    <row r="137" spans="1:10" s="2" customFormat="1" ht="20.100000000000001" customHeight="1" x14ac:dyDescent="0.25">
      <c r="A137" s="143" t="s">
        <v>14</v>
      </c>
      <c r="B137" s="143"/>
      <c r="C137" s="143"/>
      <c r="D137" s="143"/>
      <c r="E137" s="143"/>
      <c r="F137" s="143"/>
      <c r="G137" s="143"/>
      <c r="H137" s="143"/>
      <c r="I137" s="143"/>
    </row>
    <row r="138" spans="1:10" s="3" customFormat="1" ht="18" customHeight="1" x14ac:dyDescent="0.25">
      <c r="A138" s="5" t="s">
        <v>16</v>
      </c>
      <c r="B138" s="185" t="s">
        <v>49</v>
      </c>
      <c r="C138" s="185"/>
      <c r="D138" s="185"/>
      <c r="E138" s="185"/>
      <c r="F138" s="185"/>
      <c r="G138" s="185"/>
      <c r="H138" s="185"/>
      <c r="I138" s="185"/>
    </row>
    <row r="139" spans="1:10" s="33" customFormat="1" ht="30" customHeight="1" x14ac:dyDescent="0.25">
      <c r="A139" s="5" t="s">
        <v>33</v>
      </c>
      <c r="B139" s="185" t="s">
        <v>34</v>
      </c>
      <c r="C139" s="185"/>
      <c r="D139" s="185"/>
      <c r="E139" s="185"/>
      <c r="F139" s="185"/>
      <c r="G139" s="185"/>
      <c r="H139" s="185"/>
      <c r="I139" s="185"/>
    </row>
    <row r="140" spans="1:10" s="33" customFormat="1" ht="30" customHeight="1" x14ac:dyDescent="0.25">
      <c r="A140" s="186" t="s">
        <v>35</v>
      </c>
      <c r="B140" s="186"/>
      <c r="C140" s="186"/>
      <c r="D140" s="186"/>
      <c r="E140" s="186"/>
      <c r="F140" s="186"/>
      <c r="G140" s="186"/>
      <c r="H140" s="186"/>
      <c r="I140" s="3"/>
    </row>
    <row r="141" spans="1:10" s="2" customFormat="1" ht="24.95" customHeight="1" x14ac:dyDescent="0.25">
      <c r="A141" s="32" t="s">
        <v>36</v>
      </c>
      <c r="B141" s="169"/>
      <c r="C141" s="169"/>
      <c r="D141" s="169"/>
      <c r="E141" s="169"/>
      <c r="F141" s="169"/>
      <c r="G141" s="169"/>
      <c r="I141" s="33"/>
    </row>
    <row r="142" spans="1:10" s="2" customFormat="1" ht="24.95" customHeight="1" x14ac:dyDescent="0.25">
      <c r="A142" s="32" t="s">
        <v>37</v>
      </c>
      <c r="B142" s="170"/>
      <c r="C142" s="170"/>
      <c r="D142" s="170"/>
      <c r="E142" s="170"/>
      <c r="F142" s="170"/>
      <c r="G142" s="170"/>
      <c r="I142" s="33"/>
    </row>
    <row r="143" spans="1:10" s="2" customFormat="1" ht="24.95" customHeight="1" x14ac:dyDescent="0.25">
      <c r="A143" s="32" t="s">
        <v>38</v>
      </c>
      <c r="B143" s="170"/>
      <c r="C143" s="170"/>
      <c r="D143" s="170"/>
      <c r="E143" s="170"/>
      <c r="F143" s="170"/>
      <c r="G143" s="170"/>
      <c r="I143" s="33"/>
    </row>
    <row r="144" spans="1:10" s="3" customFormat="1" ht="24.95" customHeight="1" x14ac:dyDescent="0.25">
      <c r="A144" s="32" t="s">
        <v>39</v>
      </c>
      <c r="B144" s="170"/>
      <c r="C144" s="170"/>
      <c r="D144" s="170"/>
      <c r="E144" s="170"/>
      <c r="F144" s="170"/>
      <c r="G144" s="170"/>
      <c r="H144" s="2"/>
      <c r="I144" s="34"/>
    </row>
    <row r="145" spans="1:9" s="2" customFormat="1" ht="46.5" customHeight="1" x14ac:dyDescent="0.2">
      <c r="A145" s="11"/>
      <c r="B145" s="12"/>
      <c r="C145" s="12"/>
      <c r="D145" s="12"/>
      <c r="E145" s="12"/>
      <c r="F145" s="12"/>
      <c r="G145" s="12"/>
      <c r="I145" s="35"/>
    </row>
    <row r="146" spans="1:9" s="3" customFormat="1" ht="15" customHeight="1" x14ac:dyDescent="0.25">
      <c r="A146" s="198" t="s">
        <v>40</v>
      </c>
      <c r="B146" s="198"/>
      <c r="C146" s="198"/>
      <c r="D146" s="198"/>
      <c r="E146" s="198"/>
      <c r="F146" s="198"/>
      <c r="G146" s="198"/>
      <c r="H146" s="198"/>
      <c r="I146" s="198"/>
    </row>
    <row r="147" spans="1:9" s="2" customFormat="1" ht="36.75" customHeight="1" x14ac:dyDescent="0.25">
      <c r="A147" s="199" t="s">
        <v>52</v>
      </c>
      <c r="B147" s="199"/>
      <c r="C147" s="199"/>
      <c r="D147" s="199"/>
      <c r="E147" s="199"/>
      <c r="F147" s="199"/>
      <c r="G147" s="199"/>
      <c r="H147" s="199"/>
      <c r="I147" s="199"/>
    </row>
    <row r="148" spans="1:9" s="2" customFormat="1" ht="20.100000000000001" customHeight="1" x14ac:dyDescent="0.2">
      <c r="A148" s="1"/>
      <c r="B148" s="1"/>
      <c r="C148" s="1"/>
      <c r="D148" s="1"/>
      <c r="E148" s="1"/>
      <c r="F148" s="1"/>
      <c r="G148" s="8"/>
      <c r="H148" s="8"/>
    </row>
    <row r="149" spans="1:9" s="3" customFormat="1" ht="4.5" customHeight="1" x14ac:dyDescent="0.2">
      <c r="A149" s="1"/>
      <c r="B149" s="1"/>
      <c r="C149" s="1"/>
      <c r="D149" s="1"/>
      <c r="E149" s="1"/>
      <c r="F149" s="1"/>
      <c r="G149" s="8"/>
      <c r="H149" s="8"/>
      <c r="I149" s="2"/>
    </row>
    <row r="150" spans="1:9" s="3" customFormat="1" ht="20.100000000000001" customHeight="1" x14ac:dyDescent="0.25">
      <c r="A150" s="36" t="s">
        <v>41</v>
      </c>
      <c r="B150" s="137"/>
      <c r="C150" s="137"/>
      <c r="D150" s="137"/>
      <c r="E150" s="137"/>
      <c r="F150" s="137"/>
      <c r="G150" s="37" t="s">
        <v>42</v>
      </c>
      <c r="H150" s="197"/>
      <c r="I150" s="197"/>
    </row>
    <row r="151" spans="1:9" s="3" customFormat="1" ht="20.100000000000001" customHeight="1" x14ac:dyDescent="0.25">
      <c r="A151" s="73" t="s">
        <v>43</v>
      </c>
      <c r="B151" s="120"/>
      <c r="C151" s="121"/>
      <c r="D151" s="121"/>
      <c r="E151" s="121"/>
      <c r="F151" s="121"/>
      <c r="G151" s="38"/>
      <c r="H151" s="39"/>
      <c r="I151" s="39"/>
    </row>
    <row r="152" spans="1:9" ht="20.100000000000001" customHeight="1" x14ac:dyDescent="0.2">
      <c r="G152" s="40" t="s">
        <v>44</v>
      </c>
      <c r="H152" s="169"/>
      <c r="I152" s="169"/>
    </row>
    <row r="153" spans="1:9" s="2" customFormat="1" ht="20.100000000000001" customHeight="1" x14ac:dyDescent="0.2">
      <c r="A153" s="1"/>
      <c r="B153" s="1"/>
      <c r="C153" s="1"/>
      <c r="D153" s="1"/>
      <c r="E153" s="1"/>
      <c r="F153" s="1"/>
      <c r="G153" s="40" t="s">
        <v>45</v>
      </c>
      <c r="H153" s="170"/>
      <c r="I153" s="170"/>
    </row>
    <row r="154" spans="1:9" s="2" customFormat="1" ht="20.100000000000001" customHeight="1" x14ac:dyDescent="0.2">
      <c r="A154" s="1"/>
      <c r="B154" s="1"/>
      <c r="C154" s="1"/>
      <c r="D154" s="1"/>
      <c r="E154" s="1"/>
      <c r="F154" s="1"/>
      <c r="G154" s="41" t="s">
        <v>46</v>
      </c>
      <c r="H154" s="1"/>
    </row>
    <row r="155" spans="1:9" s="2" customFormat="1" ht="37.5" customHeight="1" x14ac:dyDescent="0.25"/>
    <row r="156" spans="1:9" s="2" customFormat="1" ht="24" customHeight="1" x14ac:dyDescent="0.25"/>
    <row r="157" spans="1:9" s="2" customFormat="1" ht="24" customHeight="1" x14ac:dyDescent="0.25"/>
    <row r="158" spans="1:9" s="2" customFormat="1" ht="24" customHeight="1" x14ac:dyDescent="0.25"/>
    <row r="159" spans="1:9" s="2" customFormat="1" ht="20.100000000000001" customHeight="1" x14ac:dyDescent="0.25"/>
    <row r="160" spans="1:9" s="2" customFormat="1" ht="20.100000000000001" customHeight="1" x14ac:dyDescent="0.25"/>
    <row r="161" spans="1:8" s="2" customFormat="1" ht="50.1" customHeight="1" x14ac:dyDescent="0.25"/>
    <row r="162" spans="1:8" s="2" customFormat="1" ht="43.5" customHeight="1" x14ac:dyDescent="0.25"/>
    <row r="163" spans="1:8" ht="24.75" customHeight="1" x14ac:dyDescent="0.2">
      <c r="A163" s="2"/>
      <c r="B163" s="2"/>
      <c r="C163" s="2"/>
      <c r="D163" s="2"/>
      <c r="E163" s="2"/>
      <c r="F163" s="2"/>
      <c r="G163" s="2"/>
      <c r="H163" s="2"/>
    </row>
    <row r="164" spans="1:8" x14ac:dyDescent="0.2">
      <c r="A164" s="2"/>
      <c r="B164" s="2"/>
      <c r="C164" s="2"/>
      <c r="D164" s="2"/>
      <c r="E164" s="2"/>
      <c r="F164" s="2"/>
      <c r="G164" s="2"/>
      <c r="H164" s="2"/>
    </row>
    <row r="165" spans="1:8" ht="20.100000000000001" customHeight="1" x14ac:dyDescent="0.2"/>
    <row r="166" spans="1:8" ht="4.5" customHeight="1" x14ac:dyDescent="0.2"/>
    <row r="167" spans="1:8" ht="20.100000000000001" customHeight="1" x14ac:dyDescent="0.2"/>
    <row r="168" spans="1:8" ht="20.100000000000001" customHeight="1" x14ac:dyDescent="0.2"/>
    <row r="169" spans="1:8" ht="20.100000000000001" customHeight="1" x14ac:dyDescent="0.2"/>
  </sheetData>
  <mergeCells count="191">
    <mergeCell ref="B126:F126"/>
    <mergeCell ref="B127:F127"/>
    <mergeCell ref="B129:F129"/>
    <mergeCell ref="B93:F93"/>
    <mergeCell ref="A13:G13"/>
    <mergeCell ref="H135:I135"/>
    <mergeCell ref="H150:I150"/>
    <mergeCell ref="H152:I152"/>
    <mergeCell ref="H153:I153"/>
    <mergeCell ref="A146:I146"/>
    <mergeCell ref="A147:I147"/>
    <mergeCell ref="H118:I118"/>
    <mergeCell ref="H119:I119"/>
    <mergeCell ref="H120:I120"/>
    <mergeCell ref="H121:I121"/>
    <mergeCell ref="H122:I122"/>
    <mergeCell ref="H123:I123"/>
    <mergeCell ref="H112:I112"/>
    <mergeCell ref="H113:I113"/>
    <mergeCell ref="H114:I114"/>
    <mergeCell ref="H115:I115"/>
    <mergeCell ref="H116:I116"/>
    <mergeCell ref="H117:I117"/>
    <mergeCell ref="H90:I90"/>
    <mergeCell ref="A2:I2"/>
    <mergeCell ref="A1:I1"/>
    <mergeCell ref="A12:G12"/>
    <mergeCell ref="A24:B24"/>
    <mergeCell ref="A27:B27"/>
    <mergeCell ref="B141:G141"/>
    <mergeCell ref="B142:G142"/>
    <mergeCell ref="B143:G143"/>
    <mergeCell ref="B144:G144"/>
    <mergeCell ref="A137:I137"/>
    <mergeCell ref="B138:I138"/>
    <mergeCell ref="B139:I139"/>
    <mergeCell ref="A140:H140"/>
    <mergeCell ref="A131:I131"/>
    <mergeCell ref="H124:I124"/>
    <mergeCell ref="H125:I125"/>
    <mergeCell ref="H111:I111"/>
    <mergeCell ref="H100:I100"/>
    <mergeCell ref="H101:I101"/>
    <mergeCell ref="H102:I102"/>
    <mergeCell ref="H103:I103"/>
    <mergeCell ref="H104:I104"/>
    <mergeCell ref="H105:I105"/>
    <mergeCell ref="H128:I128"/>
    <mergeCell ref="H106:I106"/>
    <mergeCell ref="H107:I107"/>
    <mergeCell ref="H108:I108"/>
    <mergeCell ref="H109:I109"/>
    <mergeCell ref="H110:I110"/>
    <mergeCell ref="A22:I22"/>
    <mergeCell ref="H40:I40"/>
    <mergeCell ref="A39:B39"/>
    <mergeCell ref="A76:B77"/>
    <mergeCell ref="G76:I76"/>
    <mergeCell ref="H77:I77"/>
    <mergeCell ref="H43:I43"/>
    <mergeCell ref="H44:I44"/>
    <mergeCell ref="H45:I45"/>
    <mergeCell ref="H46:I46"/>
    <mergeCell ref="H47:I47"/>
    <mergeCell ref="H48:I48"/>
    <mergeCell ref="H49:I49"/>
    <mergeCell ref="H59:I59"/>
    <mergeCell ref="H60:I60"/>
    <mergeCell ref="H61:I61"/>
    <mergeCell ref="H41:I41"/>
    <mergeCell ref="B48:B49"/>
    <mergeCell ref="A48:A49"/>
    <mergeCell ref="A54:A55"/>
    <mergeCell ref="H62:I62"/>
    <mergeCell ref="H63:I63"/>
    <mergeCell ref="H65:I65"/>
    <mergeCell ref="A133:B134"/>
    <mergeCell ref="G133:I133"/>
    <mergeCell ref="H134:I134"/>
    <mergeCell ref="B122:F122"/>
    <mergeCell ref="B72:F72"/>
    <mergeCell ref="A74:I74"/>
    <mergeCell ref="H81:I81"/>
    <mergeCell ref="H82:I82"/>
    <mergeCell ref="H83:I83"/>
    <mergeCell ref="H84:I84"/>
    <mergeCell ref="H85:I85"/>
    <mergeCell ref="H86:I86"/>
    <mergeCell ref="H78:I78"/>
    <mergeCell ref="H79:I79"/>
    <mergeCell ref="H80:I80"/>
    <mergeCell ref="H94:I94"/>
    <mergeCell ref="H91:I91"/>
    <mergeCell ref="H95:I95"/>
    <mergeCell ref="H96:I96"/>
    <mergeCell ref="H97:I97"/>
    <mergeCell ref="J131:J135"/>
    <mergeCell ref="A3:I3"/>
    <mergeCell ref="A7:I7"/>
    <mergeCell ref="A8:I8"/>
    <mergeCell ref="A9:I9"/>
    <mergeCell ref="A11:I11"/>
    <mergeCell ref="A14:G14"/>
    <mergeCell ref="A35:I35"/>
    <mergeCell ref="A37:B38"/>
    <mergeCell ref="G37:I37"/>
    <mergeCell ref="H38:I38"/>
    <mergeCell ref="A23:I23"/>
    <mergeCell ref="B28:G28"/>
    <mergeCell ref="B29:G29"/>
    <mergeCell ref="A31:B31"/>
    <mergeCell ref="A17:G17"/>
    <mergeCell ref="A18:G18"/>
    <mergeCell ref="A19:I19"/>
    <mergeCell ref="A20:I20"/>
    <mergeCell ref="A21:G21"/>
    <mergeCell ref="B4:F4"/>
    <mergeCell ref="B5:F5"/>
    <mergeCell ref="B120:F120"/>
    <mergeCell ref="B121:F121"/>
    <mergeCell ref="B150:F150"/>
    <mergeCell ref="B99:F99"/>
    <mergeCell ref="B100:F100"/>
    <mergeCell ref="B101:F101"/>
    <mergeCell ref="B102:F102"/>
    <mergeCell ref="B103:F103"/>
    <mergeCell ref="B104:F104"/>
    <mergeCell ref="B105:F105"/>
    <mergeCell ref="B106:F106"/>
    <mergeCell ref="B107:F107"/>
    <mergeCell ref="B108:F108"/>
    <mergeCell ref="B109:F109"/>
    <mergeCell ref="B110:F110"/>
    <mergeCell ref="B111:F111"/>
    <mergeCell ref="B112:F112"/>
    <mergeCell ref="B113:F113"/>
    <mergeCell ref="B123:F123"/>
    <mergeCell ref="B124:F124"/>
    <mergeCell ref="B125:F125"/>
    <mergeCell ref="B128:F128"/>
    <mergeCell ref="B114:F114"/>
    <mergeCell ref="B115:F115"/>
    <mergeCell ref="B118:F118"/>
    <mergeCell ref="B119:F119"/>
    <mergeCell ref="B151:F151"/>
    <mergeCell ref="B135:F135"/>
    <mergeCell ref="B78:F78"/>
    <mergeCell ref="B79:F79"/>
    <mergeCell ref="B80:F80"/>
    <mergeCell ref="B81:F81"/>
    <mergeCell ref="B82:F82"/>
    <mergeCell ref="B83:F83"/>
    <mergeCell ref="B84:F84"/>
    <mergeCell ref="B85:F85"/>
    <mergeCell ref="B86:F86"/>
    <mergeCell ref="B87:F87"/>
    <mergeCell ref="B88:F88"/>
    <mergeCell ref="B89:F89"/>
    <mergeCell ref="B90:F90"/>
    <mergeCell ref="B91:F91"/>
    <mergeCell ref="B92:F92"/>
    <mergeCell ref="B94:F94"/>
    <mergeCell ref="B95:F95"/>
    <mergeCell ref="B96:F96"/>
    <mergeCell ref="B97:F97"/>
    <mergeCell ref="B98:F98"/>
    <mergeCell ref="B116:F116"/>
    <mergeCell ref="B117:F117"/>
    <mergeCell ref="H98:I98"/>
    <mergeCell ref="H99:I99"/>
    <mergeCell ref="H87:I87"/>
    <mergeCell ref="H88:I88"/>
    <mergeCell ref="H89:I89"/>
    <mergeCell ref="B64:I64"/>
    <mergeCell ref="H71:I71"/>
    <mergeCell ref="B69:F69"/>
    <mergeCell ref="H69:I69"/>
    <mergeCell ref="B70:F70"/>
    <mergeCell ref="H70:I70"/>
    <mergeCell ref="H72:I72"/>
    <mergeCell ref="H92:I92"/>
    <mergeCell ref="H93:I93"/>
    <mergeCell ref="B56:F56"/>
    <mergeCell ref="B42:I42"/>
    <mergeCell ref="B58:I58"/>
    <mergeCell ref="B54:B55"/>
    <mergeCell ref="H66:I66"/>
    <mergeCell ref="B67:F67"/>
    <mergeCell ref="H67:I67"/>
    <mergeCell ref="B68:F68"/>
    <mergeCell ref="H68:I68"/>
  </mergeCells>
  <conditionalFormatting sqref="B141:G142 B144:G144 G40 G50 G59 G78:G127 G43">
    <cfRule type="containsBlanks" dxfId="24" priority="46">
      <formula>LEN(TRIM(B40))=0</formula>
    </cfRule>
  </conditionalFormatting>
  <conditionalFormatting sqref="H152:I152">
    <cfRule type="containsBlanks" dxfId="23" priority="45">
      <formula>LEN(TRIM(H152))=0</formula>
    </cfRule>
  </conditionalFormatting>
  <conditionalFormatting sqref="H153:I153">
    <cfRule type="containsBlanks" dxfId="22" priority="44">
      <formula>LEN(TRIM(H153))=0</formula>
    </cfRule>
  </conditionalFormatting>
  <conditionalFormatting sqref="G135">
    <cfRule type="containsBlanks" dxfId="21" priority="34">
      <formula>LEN(TRIM(G135))=0</formula>
    </cfRule>
  </conditionalFormatting>
  <conditionalFormatting sqref="B143:G143">
    <cfRule type="containsBlanks" dxfId="20" priority="31">
      <formula>LEN(TRIM(B143))=0</formula>
    </cfRule>
  </conditionalFormatting>
  <conditionalFormatting sqref="G128:G129">
    <cfRule type="containsBlanks" dxfId="19" priority="30">
      <formula>LEN(TRIM(G128))=0</formula>
    </cfRule>
  </conditionalFormatting>
  <conditionalFormatting sqref="B150:F150">
    <cfRule type="containsBlanks" dxfId="18" priority="25">
      <formula>LEN(TRIM(B150))=0</formula>
    </cfRule>
  </conditionalFormatting>
  <conditionalFormatting sqref="B4:F4">
    <cfRule type="containsBlanks" dxfId="17" priority="27">
      <formula>LEN(TRIM(B4))=0</formula>
    </cfRule>
  </conditionalFormatting>
  <conditionalFormatting sqref="B5:F5">
    <cfRule type="containsBlanks" dxfId="16" priority="26">
      <formula>LEN(TRIM(B5))=0</formula>
    </cfRule>
  </conditionalFormatting>
  <conditionalFormatting sqref="B151:F151">
    <cfRule type="containsBlanks" dxfId="15" priority="24">
      <formula>LEN(TRIM(B151))=0</formula>
    </cfRule>
  </conditionalFormatting>
  <conditionalFormatting sqref="G41">
    <cfRule type="containsBlanks" dxfId="14" priority="16">
      <formula>LEN(TRIM(G41))=0</formula>
    </cfRule>
  </conditionalFormatting>
  <conditionalFormatting sqref="G51:G57">
    <cfRule type="containsBlanks" dxfId="13" priority="19">
      <formula>LEN(TRIM(G51))=0</formula>
    </cfRule>
  </conditionalFormatting>
  <conditionalFormatting sqref="G72">
    <cfRule type="containsBlanks" dxfId="12" priority="17">
      <formula>LEN(TRIM(G72))=0</formula>
    </cfRule>
  </conditionalFormatting>
  <conditionalFormatting sqref="G44">
    <cfRule type="containsBlanks" dxfId="11" priority="15">
      <formula>LEN(TRIM(G44))=0</formula>
    </cfRule>
  </conditionalFormatting>
  <conditionalFormatting sqref="G45">
    <cfRule type="containsBlanks" dxfId="10" priority="14">
      <formula>LEN(TRIM(G45))=0</formula>
    </cfRule>
  </conditionalFormatting>
  <conditionalFormatting sqref="G46">
    <cfRule type="containsBlanks" dxfId="9" priority="13">
      <formula>LEN(TRIM(G46))=0</formula>
    </cfRule>
  </conditionalFormatting>
  <conditionalFormatting sqref="G47">
    <cfRule type="containsBlanks" dxfId="8" priority="12">
      <formula>LEN(TRIM(G47))=0</formula>
    </cfRule>
  </conditionalFormatting>
  <conditionalFormatting sqref="G48">
    <cfRule type="containsBlanks" dxfId="7" priority="11">
      <formula>LEN(TRIM(G48))=0</formula>
    </cfRule>
  </conditionalFormatting>
  <conditionalFormatting sqref="G49">
    <cfRule type="containsBlanks" dxfId="6" priority="10">
      <formula>LEN(TRIM(G49))=0</formula>
    </cfRule>
  </conditionalFormatting>
  <conditionalFormatting sqref="G60">
    <cfRule type="containsBlanks" dxfId="5" priority="9">
      <formula>LEN(TRIM(G60))=0</formula>
    </cfRule>
  </conditionalFormatting>
  <conditionalFormatting sqref="G61 G71">
    <cfRule type="containsBlanks" dxfId="4" priority="8">
      <formula>LEN(TRIM(G61))=0</formula>
    </cfRule>
  </conditionalFormatting>
  <conditionalFormatting sqref="G62">
    <cfRule type="containsBlanks" dxfId="3" priority="6">
      <formula>LEN(TRIM(G62))=0</formula>
    </cfRule>
  </conditionalFormatting>
  <conditionalFormatting sqref="G65:G66">
    <cfRule type="containsBlanks" dxfId="2" priority="5">
      <formula>LEN(TRIM(G65))=0</formula>
    </cfRule>
  </conditionalFormatting>
  <conditionalFormatting sqref="G67:G70">
    <cfRule type="containsBlanks" dxfId="1" priority="4">
      <formula>LEN(TRIM(G67))=0</formula>
    </cfRule>
  </conditionalFormatting>
  <conditionalFormatting sqref="G63">
    <cfRule type="containsBlanks" dxfId="0" priority="1">
      <formula>LEN(TRIM(G63))=0</formula>
    </cfRule>
  </conditionalFormatting>
  <printOptions horizontalCentered="1"/>
  <pageMargins left="0.70866141732283472" right="0.70866141732283472" top="0.98425196850393704" bottom="0.74803149606299213" header="0.31496062992125984" footer="0.31496062992125984"/>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63" max="8" man="1"/>
    <brk id="107" max="8" man="1"/>
    <brk id="129"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1</xdr:row>
                    <xdr:rowOff>9525</xdr:rowOff>
                  </from>
                  <to>
                    <xdr:col>0</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2</xdr:row>
                    <xdr:rowOff>0</xdr:rowOff>
                  </from>
                  <to>
                    <xdr:col>0</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vt:lpstr>
      <vt:lpstr>Špecifikáci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2-05-06T06:25:32Z</cp:lastPrinted>
  <dcterms:created xsi:type="dcterms:W3CDTF">2017-04-21T05:51:15Z</dcterms:created>
  <dcterms:modified xsi:type="dcterms:W3CDTF">2022-05-06T06:25:41Z</dcterms:modified>
</cp:coreProperties>
</file>